
<file path=[Content_Types].xml><?xml version="1.0" encoding="utf-8"?>
<Types xmlns="http://schemas.openxmlformats.org/package/2006/content-types"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customXml/itemProps15.xml" ContentType="application/vnd.openxmlformats-officedocument.customXmlProperties+xml"/>
  <Override PartName="/customXml/itemProps16.xml" ContentType="application/vnd.openxmlformats-officedocument.customXmlProperties+xml"/>
  <Override PartName="/customXml/itemProps17.xml" ContentType="application/vnd.openxmlformats-officedocument.customXmlProperties+xml"/>
  <Override PartName="/customXml/itemProps18.xml" ContentType="application/vnd.openxmlformats-officedocument.customXmlProperties+xml"/>
  <Override PartName="/customXml/itemProps19.xml" ContentType="application/vnd.openxmlformats-officedocument.customXmlProperties+xml"/>
  <Override PartName="/customXml/itemProps20.xml" ContentType="application/vnd.openxmlformats-officedocument.customXmlProperties+xml"/>
  <Override PartName="/customXml/itemProps21.xml" ContentType="application/vnd.openxmlformats-officedocument.customXmlProperties+xml"/>
  <Override PartName="/customXml/itemProps22.xml" ContentType="application/vnd.openxmlformats-officedocument.customXmlProperties+xml"/>
  <Override PartName="/customXml/itemProps23.xml" ContentType="application/vnd.openxmlformats-officedocument.customXmlProperties+xml"/>
  <Override PartName="/customXml/itemProps24.xml" ContentType="application/vnd.openxmlformats-officedocument.customXmlProperties+xml"/>
  <Override PartName="/customXml/itemProps25.xml" ContentType="application/vnd.openxmlformats-officedocument.customXmlProperties+xml"/>
  <Override PartName="/customXml/itemProps26.xml" ContentType="application/vnd.openxmlformats-officedocument.customXmlProperties+xml"/>
  <Override PartName="/customXml/itemProps27.xml" ContentType="application/vnd.openxmlformats-officedocument.customXmlProperties+xml"/>
  <Override PartName="/customXml/itemProps28.xml" ContentType="application/vnd.openxmlformats-officedocument.customXmlProperties+xml"/>
  <Override PartName="/customXml/itemProps29.xml" ContentType="application/vnd.openxmlformats-officedocument.customXmlProperties+xml"/>
  <Override PartName="/customXml/itemProps30.xml" ContentType="application/vnd.openxmlformats-officedocument.customXmlProperties+xml"/>
  <Override PartName="/customXml/itemProps31.xml" ContentType="application/vnd.openxmlformats-officedocument.customXmlProperties+xml"/>
  <Override PartName="/customXml/itemProps32.xml" ContentType="application/vnd.openxmlformats-officedocument.customXmlProperties+xml"/>
  <Override PartName="/customXml/itemProps33.xml" ContentType="application/vnd.openxmlformats-officedocument.customXmlProperties+xml"/>
  <Override PartName="/customXml/itemProps34.xml" ContentType="application/vnd.openxmlformats-officedocument.customXmlProperties+xml"/>
  <Override PartName="/customXml/itemProps35.xml" ContentType="application/vnd.openxmlformats-officedocument.customXmlProperties+xml"/>
  <Override PartName="/customXml/itemProps36.xml" ContentType="application/vnd.openxmlformats-officedocument.customXmlProperties+xml"/>
  <Override PartName="/customXml/itemProps37.xml" ContentType="application/vnd.openxmlformats-officedocument.customXmlProperties+xml"/>
  <Override PartName="/customXml/itemProps38.xml" ContentType="application/vnd.openxmlformats-officedocument.customXmlProperties+xml"/>
  <Override PartName="/customXml/itemProps39.xml" ContentType="application/vnd.openxmlformats-officedocument.customXmlProperties+xml"/>
  <Override PartName="/customXml/itemProps40.xml" ContentType="application/vnd.openxmlformats-officedocument.customXmlProperties+xml"/>
  <Override PartName="/customXml/itemProps41.xml" ContentType="application/vnd.openxmlformats-officedocument.customXmlProperties+xml"/>
  <Override PartName="/customXml/itemProps42.xml" ContentType="application/vnd.openxmlformats-officedocument.customXmlProperties+xml"/>
  <Override PartName="/customXml/itemProps43.xml" ContentType="application/vnd.openxmlformats-officedocument.customXmlProperties+xml"/>
  <Override PartName="/customXml/itemProps44.xml" ContentType="application/vnd.openxmlformats-officedocument.customXmlProperties+xml"/>
  <Override PartName="/customXml/itemProps45.xml" ContentType="application/vnd.openxmlformats-officedocument.customXmlProperties+xml"/>
  <Override PartName="/customXml/itemProps46.xml" ContentType="application/vnd.openxmlformats-officedocument.customXmlProperties+xml"/>
  <Override PartName="/customXml/itemProps47.xml" ContentType="application/vnd.openxmlformats-officedocument.customXmlProperties+xml"/>
  <Override PartName="/customXml/itemProps48.xml" ContentType="application/vnd.openxmlformats-officedocument.customXmlProperties+xml"/>
  <Override PartName="/customXml/itemProps49.xml" ContentType="application/vnd.openxmlformats-officedocument.customXmlProperties+xml"/>
  <Override PartName="/customXml/itemProps50.xml" ContentType="application/vnd.openxmlformats-officedocument.customXmlProperties+xml"/>
  <Override PartName="/customXml/itemProps51.xml" ContentType="application/vnd.openxmlformats-officedocument.customXmlProperties+xml"/>
  <Override PartName="/customXml/itemProps52.xml" ContentType="application/vnd.openxmlformats-officedocument.customXmlProperties+xml"/>
  <Override PartName="/customXml/itemProps53.xml" ContentType="application/vnd.openxmlformats-officedocument.customXmlProperties+xml"/>
  <Override PartName="/customXml/itemProps54.xml" ContentType="application/vnd.openxmlformats-officedocument.customXmlProperties+xml"/>
  <Override PartName="/customXml/itemProps55.xml" ContentType="application/vnd.openxmlformats-officedocument.customXmlProperties+xml"/>
  <Override PartName="/customXml/itemProps56.xml" ContentType="application/vnd.openxmlformats-officedocument.customXmlProperties+xml"/>
  <Override PartName="/customXml/itemProps57.xml" ContentType="application/vnd.openxmlformats-officedocument.customXmlProperties+xml"/>
  <Override PartName="/customXml/itemProps58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theme/themeOverride1.xml" ContentType="application/vnd.openxmlformats-officedocument.themeOverride+xml"/>
  <Override PartName="/ppt/theme/themeOverride2.xml" ContentType="application/vnd.openxmlformats-officedocument.themeOverride+xml"/>
  <Override PartName="/ppt/theme/themeOverride3.xml" ContentType="application/vnd.openxmlformats-officedocument.themeOverride+xml"/>
  <Override PartName="/ppt/theme/themeOverride4.xml" ContentType="application/vnd.openxmlformats-officedocument.themeOverride+xml"/>
  <Override PartName="/ppt/theme/themeOverride5.xml" ContentType="application/vnd.openxmlformats-officedocument.themeOverride+xml"/>
  <Override PartName="/ppt/theme/themeOverride6.xml" ContentType="application/vnd.openxmlformats-officedocument.themeOverride+xml"/>
  <Override PartName="/ppt/theme/themeOverride7.xml" ContentType="application/vnd.openxmlformats-officedocument.themeOverride+xml"/>
  <Override PartName="/ppt/theme/themeOverride8.xml" ContentType="application/vnd.openxmlformats-officedocument.themeOverride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slideLayouts/slideLayout62.xml" ContentType="application/vnd.openxmlformats-officedocument.presentationml.slideLayout+xml"/>
  <Override PartName="/ppt/slideLayouts/slideLayout63.xml" ContentType="application/vnd.openxmlformats-officedocument.presentationml.slideLayout+xml"/>
  <Override PartName="/ppt/slideLayouts/slideLayout64.xml" ContentType="application/vnd.openxmlformats-officedocument.presentationml.slideLayout+xml"/>
  <Override PartName="/ppt/slideLayouts/slideLayout65.xml" ContentType="application/vnd.openxmlformats-officedocument.presentationml.slideLayout+xml"/>
  <Override PartName="/ppt/slideLayouts/slideLayout66.xml" ContentType="application/vnd.openxmlformats-officedocument.presentationml.slideLayout+xml"/>
  <Override PartName="/ppt/slideLayouts/slideLayout67.xml" ContentType="application/vnd.openxmlformats-officedocument.presentationml.slideLayout+xml"/>
  <Override PartName="/ppt/slideLayouts/slideLayout68.xml" ContentType="application/vnd.openxmlformats-officedocument.presentationml.slideLayout+xml"/>
  <Override PartName="/ppt/slideLayouts/slideLayout69.xml" ContentType="application/vnd.openxmlformats-officedocument.presentationml.slideLayout+xml"/>
  <Override PartName="/ppt/slideLayouts/slideLayout70.xml" ContentType="application/vnd.openxmlformats-officedocument.presentationml.slideLayout+xml"/>
  <Override PartName="/ppt/slideLayouts/slideLayout71.xml" ContentType="application/vnd.openxmlformats-officedocument.presentationml.slideLayout+xml"/>
  <Override PartName="/ppt/slideLayouts/slideLayout72.xml" ContentType="application/vnd.openxmlformats-officedocument.presentationml.slideLayout+xml"/>
  <Override PartName="/ppt/slideLayouts/slideLayout73.xml" ContentType="application/vnd.openxmlformats-officedocument.presentationml.slideLayout+xml"/>
  <Override PartName="/ppt/slideLayouts/slideLayout74.xml" ContentType="application/vnd.openxmlformats-officedocument.presentationml.slideLayout+xml"/>
  <Override PartName="/ppt/slideLayouts/slideLayout75.xml" ContentType="application/vnd.openxmlformats-officedocument.presentationml.slideLayout+xml"/>
  <Override PartName="/ppt/theme/theme2.xml" ContentType="application/vnd.openxmlformats-officedocument.theme+xml"/>
  <Override PartName="/ppt/theme/themeOverride9.xml" ContentType="application/vnd.openxmlformats-officedocument.themeOverride+xml"/>
  <Override PartName="/ppt/theme/themeOverride10.xml" ContentType="application/vnd.openxmlformats-officedocument.themeOverride+xml"/>
  <Override PartName="/ppt/theme/themeOverride11.xml" ContentType="application/vnd.openxmlformats-officedocument.themeOverride+xml"/>
  <Override PartName="/ppt/theme/themeOverride12.xml" ContentType="application/vnd.openxmlformats-officedocument.themeOverride+xml"/>
  <Override PartName="/ppt/theme/themeOverride13.xml" ContentType="application/vnd.openxmlformats-officedocument.themeOverride+xml"/>
  <Override PartName="/ppt/theme/themeOverride14.xml" ContentType="application/vnd.openxmlformats-officedocument.themeOverride+xml"/>
  <Override PartName="/ppt/theme/themeOverride15.xml" ContentType="application/vnd.openxmlformats-officedocument.themeOverride+xml"/>
  <Override PartName="/ppt/theme/themeOverride16.xml" ContentType="application/vnd.openxmlformats-officedocument.themeOverride+xml"/>
  <Override PartName="/ppt/theme/themeOverride17.xml" ContentType="application/vnd.openxmlformats-officedocument.themeOverride+xml"/>
  <Override PartName="/ppt/theme/themeOverride18.xml" ContentType="application/vnd.openxmlformats-officedocument.themeOverride+xml"/>
  <Override PartName="/ppt/theme/theme3.xml" ContentType="application/vnd.openxmlformats-officedocument.theme+xml"/>
  <Override PartName="/ppt/theme/theme4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changesInfos/changesInfo1.xml" ContentType="application/vnd.ms-powerpoint.changes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>
  <p:sldMasterIdLst>
    <p:sldMasterId id="2147483648" r:id="rId59"/>
    <p:sldMasterId id="2147483824" r:id="rId60"/>
  </p:sldMasterIdLst>
  <p:notesMasterIdLst>
    <p:notesMasterId r:id="rId81"/>
  </p:notesMasterIdLst>
  <p:handoutMasterIdLst>
    <p:handoutMasterId r:id="rId82"/>
  </p:handoutMasterIdLst>
  <p:sldIdLst>
    <p:sldId id="299" r:id="rId61"/>
    <p:sldId id="259" r:id="rId62"/>
    <p:sldId id="261" r:id="rId63"/>
    <p:sldId id="262" r:id="rId64"/>
    <p:sldId id="283" r:id="rId65"/>
    <p:sldId id="285" r:id="rId66"/>
    <p:sldId id="284" r:id="rId67"/>
    <p:sldId id="286" r:id="rId68"/>
    <p:sldId id="287" r:id="rId69"/>
    <p:sldId id="288" r:id="rId70"/>
    <p:sldId id="289" r:id="rId71"/>
    <p:sldId id="290" r:id="rId72"/>
    <p:sldId id="291" r:id="rId73"/>
    <p:sldId id="292" r:id="rId74"/>
    <p:sldId id="293" r:id="rId75"/>
    <p:sldId id="294" r:id="rId76"/>
    <p:sldId id="295" r:id="rId77"/>
    <p:sldId id="296" r:id="rId78"/>
    <p:sldId id="297" r:id="rId79"/>
    <p:sldId id="298" r:id="rId80"/>
  </p:sldIdLst>
  <p:sldSz cx="6858000" cy="12192000"/>
  <p:notesSz cx="6858000" cy="9144000"/>
  <p:embeddedFontLst>
    <p:embeddedFont>
      <p:font typeface="Djoef Offc" panose="020B0604020202020204" charset="0"/>
      <p:regular r:id="rId83"/>
      <p:bold r:id="rId84"/>
      <p:italic r:id="rId85"/>
      <p:boldItalic r:id="rId86"/>
    </p:embeddedFont>
  </p:embeddedFontLst>
  <p:defaultTextStyle>
    <a:defPPr>
      <a:defRPr lang="en-US"/>
    </a:defPPr>
    <a:lvl1pPr algn="l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Djoef Offc" charset="0"/>
        <a:ea typeface="+mn-ea"/>
        <a:cs typeface="+mn-cs"/>
      </a:defRPr>
    </a:lvl1pPr>
    <a:lvl2pPr marL="457200" algn="l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Djoef Offc" charset="0"/>
        <a:ea typeface="+mn-ea"/>
        <a:cs typeface="+mn-cs"/>
      </a:defRPr>
    </a:lvl2pPr>
    <a:lvl3pPr marL="914400" algn="l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Djoef Offc" charset="0"/>
        <a:ea typeface="+mn-ea"/>
        <a:cs typeface="+mn-cs"/>
      </a:defRPr>
    </a:lvl3pPr>
    <a:lvl4pPr marL="1371600" algn="l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Djoef Offc" charset="0"/>
        <a:ea typeface="+mn-ea"/>
        <a:cs typeface="+mn-cs"/>
      </a:defRPr>
    </a:lvl4pPr>
    <a:lvl5pPr marL="1828800" algn="l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Djoef Offc" charset="0"/>
        <a:ea typeface="+mn-ea"/>
        <a:cs typeface="+mn-cs"/>
      </a:defRPr>
    </a:lvl5pPr>
    <a:lvl6pPr marL="2286000" algn="l" defTabSz="914400" rtl="0" eaLnBrk="1" latinLnBrk="0" hangingPunct="1">
      <a:defRPr kern="1200">
        <a:solidFill>
          <a:schemeClr val="tx1"/>
        </a:solidFill>
        <a:latin typeface="Djoef Offc" charset="0"/>
        <a:ea typeface="+mn-ea"/>
        <a:cs typeface="+mn-cs"/>
      </a:defRPr>
    </a:lvl6pPr>
    <a:lvl7pPr marL="2743200" algn="l" defTabSz="914400" rtl="0" eaLnBrk="1" latinLnBrk="0" hangingPunct="1">
      <a:defRPr kern="1200">
        <a:solidFill>
          <a:schemeClr val="tx1"/>
        </a:solidFill>
        <a:latin typeface="Djoef Offc" charset="0"/>
        <a:ea typeface="+mn-ea"/>
        <a:cs typeface="+mn-cs"/>
      </a:defRPr>
    </a:lvl7pPr>
    <a:lvl8pPr marL="3200400" algn="l" defTabSz="914400" rtl="0" eaLnBrk="1" latinLnBrk="0" hangingPunct="1">
      <a:defRPr kern="1200">
        <a:solidFill>
          <a:schemeClr val="tx1"/>
        </a:solidFill>
        <a:latin typeface="Djoef Offc" charset="0"/>
        <a:ea typeface="+mn-ea"/>
        <a:cs typeface="+mn-cs"/>
      </a:defRPr>
    </a:lvl8pPr>
    <a:lvl9pPr marL="3657600" algn="l" defTabSz="914400" rtl="0" eaLnBrk="1" latinLnBrk="0" hangingPunct="1">
      <a:defRPr kern="1200">
        <a:solidFill>
          <a:schemeClr val="tx1"/>
        </a:solidFill>
        <a:latin typeface="Djoef Offc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srgbClr val="FF0000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9D7B26C5-4107-4FEC-AEDC-1716B250A1EF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9D7B26C5-4107-4FEC-AEDC-1716B250A1EF}" styleName="Light Style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7025" autoAdjust="0"/>
    <p:restoredTop sz="96627" autoAdjust="0"/>
  </p:normalViewPr>
  <p:slideViewPr>
    <p:cSldViewPr snapToGrid="0">
      <p:cViewPr>
        <p:scale>
          <a:sx n="200" d="100"/>
          <a:sy n="200" d="100"/>
        </p:scale>
        <p:origin x="72" y="-11688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>
        <p:scale>
          <a:sx n="100" d="100"/>
          <a:sy n="100" d="100"/>
        </p:scale>
        <p:origin x="2712" y="-60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customXml" Target="../customXml/item13.xml"/><Relationship Id="rId18" Type="http://schemas.openxmlformats.org/officeDocument/2006/relationships/customXml" Target="../customXml/item18.xml"/><Relationship Id="rId26" Type="http://schemas.openxmlformats.org/officeDocument/2006/relationships/customXml" Target="../customXml/item26.xml"/><Relationship Id="rId39" Type="http://schemas.openxmlformats.org/officeDocument/2006/relationships/customXml" Target="../customXml/item39.xml"/><Relationship Id="rId21" Type="http://schemas.openxmlformats.org/officeDocument/2006/relationships/customXml" Target="../customXml/item21.xml"/><Relationship Id="rId34" Type="http://schemas.openxmlformats.org/officeDocument/2006/relationships/customXml" Target="../customXml/item34.xml"/><Relationship Id="rId42" Type="http://schemas.openxmlformats.org/officeDocument/2006/relationships/customXml" Target="../customXml/item42.xml"/><Relationship Id="rId47" Type="http://schemas.openxmlformats.org/officeDocument/2006/relationships/customXml" Target="../customXml/item47.xml"/><Relationship Id="rId50" Type="http://schemas.openxmlformats.org/officeDocument/2006/relationships/customXml" Target="../customXml/item50.xml"/><Relationship Id="rId55" Type="http://schemas.openxmlformats.org/officeDocument/2006/relationships/customXml" Target="../customXml/item55.xml"/><Relationship Id="rId63" Type="http://schemas.openxmlformats.org/officeDocument/2006/relationships/slide" Target="slides/slide3.xml"/><Relationship Id="rId68" Type="http://schemas.openxmlformats.org/officeDocument/2006/relationships/slide" Target="slides/slide8.xml"/><Relationship Id="rId76" Type="http://schemas.openxmlformats.org/officeDocument/2006/relationships/slide" Target="slides/slide16.xml"/><Relationship Id="rId84" Type="http://schemas.openxmlformats.org/officeDocument/2006/relationships/font" Target="fonts/font2.fntdata"/><Relationship Id="rId89" Type="http://schemas.openxmlformats.org/officeDocument/2006/relationships/theme" Target="theme/theme1.xml"/><Relationship Id="rId7" Type="http://schemas.openxmlformats.org/officeDocument/2006/relationships/customXml" Target="../customXml/item7.xml"/><Relationship Id="rId71" Type="http://schemas.openxmlformats.org/officeDocument/2006/relationships/slide" Target="slides/slide11.xml"/><Relationship Id="rId2" Type="http://schemas.openxmlformats.org/officeDocument/2006/relationships/customXml" Target="../customXml/item2.xml"/><Relationship Id="rId16" Type="http://schemas.openxmlformats.org/officeDocument/2006/relationships/customXml" Target="../customXml/item16.xml"/><Relationship Id="rId29" Type="http://schemas.openxmlformats.org/officeDocument/2006/relationships/customXml" Target="../customXml/item29.xml"/><Relationship Id="rId11" Type="http://schemas.openxmlformats.org/officeDocument/2006/relationships/customXml" Target="../customXml/item11.xml"/><Relationship Id="rId24" Type="http://schemas.openxmlformats.org/officeDocument/2006/relationships/customXml" Target="../customXml/item24.xml"/><Relationship Id="rId32" Type="http://schemas.openxmlformats.org/officeDocument/2006/relationships/customXml" Target="../customXml/item32.xml"/><Relationship Id="rId37" Type="http://schemas.openxmlformats.org/officeDocument/2006/relationships/customXml" Target="../customXml/item37.xml"/><Relationship Id="rId40" Type="http://schemas.openxmlformats.org/officeDocument/2006/relationships/customXml" Target="../customXml/item40.xml"/><Relationship Id="rId45" Type="http://schemas.openxmlformats.org/officeDocument/2006/relationships/customXml" Target="../customXml/item45.xml"/><Relationship Id="rId53" Type="http://schemas.openxmlformats.org/officeDocument/2006/relationships/customXml" Target="../customXml/item53.xml"/><Relationship Id="rId58" Type="http://schemas.openxmlformats.org/officeDocument/2006/relationships/customXml" Target="../customXml/item58.xml"/><Relationship Id="rId66" Type="http://schemas.openxmlformats.org/officeDocument/2006/relationships/slide" Target="slides/slide6.xml"/><Relationship Id="rId74" Type="http://schemas.openxmlformats.org/officeDocument/2006/relationships/slide" Target="slides/slide14.xml"/><Relationship Id="rId79" Type="http://schemas.openxmlformats.org/officeDocument/2006/relationships/slide" Target="slides/slide19.xml"/><Relationship Id="rId87" Type="http://schemas.openxmlformats.org/officeDocument/2006/relationships/presProps" Target="presProps.xml"/><Relationship Id="rId5" Type="http://schemas.openxmlformats.org/officeDocument/2006/relationships/customXml" Target="../customXml/item5.xml"/><Relationship Id="rId61" Type="http://schemas.openxmlformats.org/officeDocument/2006/relationships/slide" Target="slides/slide1.xml"/><Relationship Id="rId82" Type="http://schemas.openxmlformats.org/officeDocument/2006/relationships/handoutMaster" Target="handoutMasters/handoutMaster1.xml"/><Relationship Id="rId90" Type="http://schemas.openxmlformats.org/officeDocument/2006/relationships/tableStyles" Target="tableStyles.xml"/><Relationship Id="rId19" Type="http://schemas.openxmlformats.org/officeDocument/2006/relationships/customXml" Target="../customXml/item19.xml"/><Relationship Id="rId14" Type="http://schemas.openxmlformats.org/officeDocument/2006/relationships/customXml" Target="../customXml/item14.xml"/><Relationship Id="rId22" Type="http://schemas.openxmlformats.org/officeDocument/2006/relationships/customXml" Target="../customXml/item22.xml"/><Relationship Id="rId27" Type="http://schemas.openxmlformats.org/officeDocument/2006/relationships/customXml" Target="../customXml/item27.xml"/><Relationship Id="rId30" Type="http://schemas.openxmlformats.org/officeDocument/2006/relationships/customXml" Target="../customXml/item30.xml"/><Relationship Id="rId35" Type="http://schemas.openxmlformats.org/officeDocument/2006/relationships/customXml" Target="../customXml/item35.xml"/><Relationship Id="rId43" Type="http://schemas.openxmlformats.org/officeDocument/2006/relationships/customXml" Target="../customXml/item43.xml"/><Relationship Id="rId48" Type="http://schemas.openxmlformats.org/officeDocument/2006/relationships/customXml" Target="../customXml/item48.xml"/><Relationship Id="rId56" Type="http://schemas.openxmlformats.org/officeDocument/2006/relationships/customXml" Target="../customXml/item56.xml"/><Relationship Id="rId64" Type="http://schemas.openxmlformats.org/officeDocument/2006/relationships/slide" Target="slides/slide4.xml"/><Relationship Id="rId69" Type="http://schemas.openxmlformats.org/officeDocument/2006/relationships/slide" Target="slides/slide9.xml"/><Relationship Id="rId77" Type="http://schemas.openxmlformats.org/officeDocument/2006/relationships/slide" Target="slides/slide17.xml"/><Relationship Id="rId8" Type="http://schemas.openxmlformats.org/officeDocument/2006/relationships/customXml" Target="../customXml/item8.xml"/><Relationship Id="rId51" Type="http://schemas.openxmlformats.org/officeDocument/2006/relationships/customXml" Target="../customXml/item51.xml"/><Relationship Id="rId72" Type="http://schemas.openxmlformats.org/officeDocument/2006/relationships/slide" Target="slides/slide12.xml"/><Relationship Id="rId80" Type="http://schemas.openxmlformats.org/officeDocument/2006/relationships/slide" Target="slides/slide20.xml"/><Relationship Id="rId85" Type="http://schemas.openxmlformats.org/officeDocument/2006/relationships/font" Target="fonts/font3.fntdata"/><Relationship Id="rId3" Type="http://schemas.openxmlformats.org/officeDocument/2006/relationships/customXml" Target="../customXml/item3.xml"/><Relationship Id="rId12" Type="http://schemas.openxmlformats.org/officeDocument/2006/relationships/customXml" Target="../customXml/item12.xml"/><Relationship Id="rId17" Type="http://schemas.openxmlformats.org/officeDocument/2006/relationships/customXml" Target="../customXml/item17.xml"/><Relationship Id="rId25" Type="http://schemas.openxmlformats.org/officeDocument/2006/relationships/customXml" Target="../customXml/item25.xml"/><Relationship Id="rId33" Type="http://schemas.openxmlformats.org/officeDocument/2006/relationships/customXml" Target="../customXml/item33.xml"/><Relationship Id="rId38" Type="http://schemas.openxmlformats.org/officeDocument/2006/relationships/customXml" Target="../customXml/item38.xml"/><Relationship Id="rId46" Type="http://schemas.openxmlformats.org/officeDocument/2006/relationships/customXml" Target="../customXml/item46.xml"/><Relationship Id="rId59" Type="http://schemas.openxmlformats.org/officeDocument/2006/relationships/slideMaster" Target="slideMasters/slideMaster1.xml"/><Relationship Id="rId67" Type="http://schemas.openxmlformats.org/officeDocument/2006/relationships/slide" Target="slides/slide7.xml"/><Relationship Id="rId20" Type="http://schemas.openxmlformats.org/officeDocument/2006/relationships/customXml" Target="../customXml/item20.xml"/><Relationship Id="rId41" Type="http://schemas.openxmlformats.org/officeDocument/2006/relationships/customXml" Target="../customXml/item41.xml"/><Relationship Id="rId54" Type="http://schemas.openxmlformats.org/officeDocument/2006/relationships/customXml" Target="../customXml/item54.xml"/><Relationship Id="rId62" Type="http://schemas.openxmlformats.org/officeDocument/2006/relationships/slide" Target="slides/slide2.xml"/><Relationship Id="rId70" Type="http://schemas.openxmlformats.org/officeDocument/2006/relationships/slide" Target="slides/slide10.xml"/><Relationship Id="rId75" Type="http://schemas.openxmlformats.org/officeDocument/2006/relationships/slide" Target="slides/slide15.xml"/><Relationship Id="rId83" Type="http://schemas.openxmlformats.org/officeDocument/2006/relationships/font" Target="fonts/font1.fntdata"/><Relationship Id="rId88" Type="http://schemas.openxmlformats.org/officeDocument/2006/relationships/viewProps" Target="viewProps.xml"/><Relationship Id="rId91" Type="http://schemas.microsoft.com/office/2016/11/relationships/changesInfo" Target="changesInfos/changesInfo1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5" Type="http://schemas.openxmlformats.org/officeDocument/2006/relationships/customXml" Target="../customXml/item15.xml"/><Relationship Id="rId23" Type="http://schemas.openxmlformats.org/officeDocument/2006/relationships/customXml" Target="../customXml/item23.xml"/><Relationship Id="rId28" Type="http://schemas.openxmlformats.org/officeDocument/2006/relationships/customXml" Target="../customXml/item28.xml"/><Relationship Id="rId36" Type="http://schemas.openxmlformats.org/officeDocument/2006/relationships/customXml" Target="../customXml/item36.xml"/><Relationship Id="rId49" Type="http://schemas.openxmlformats.org/officeDocument/2006/relationships/customXml" Target="../customXml/item49.xml"/><Relationship Id="rId57" Type="http://schemas.openxmlformats.org/officeDocument/2006/relationships/customXml" Target="../customXml/item57.xml"/><Relationship Id="rId10" Type="http://schemas.openxmlformats.org/officeDocument/2006/relationships/customXml" Target="../customXml/item10.xml"/><Relationship Id="rId31" Type="http://schemas.openxmlformats.org/officeDocument/2006/relationships/customXml" Target="../customXml/item31.xml"/><Relationship Id="rId44" Type="http://schemas.openxmlformats.org/officeDocument/2006/relationships/customXml" Target="../customXml/item44.xml"/><Relationship Id="rId52" Type="http://schemas.openxmlformats.org/officeDocument/2006/relationships/customXml" Target="../customXml/item52.xml"/><Relationship Id="rId60" Type="http://schemas.openxmlformats.org/officeDocument/2006/relationships/slideMaster" Target="slideMasters/slideMaster2.xml"/><Relationship Id="rId65" Type="http://schemas.openxmlformats.org/officeDocument/2006/relationships/slide" Target="slides/slide5.xml"/><Relationship Id="rId73" Type="http://schemas.openxmlformats.org/officeDocument/2006/relationships/slide" Target="slides/slide13.xml"/><Relationship Id="rId78" Type="http://schemas.openxmlformats.org/officeDocument/2006/relationships/slide" Target="slides/slide18.xml"/><Relationship Id="rId81" Type="http://schemas.openxmlformats.org/officeDocument/2006/relationships/notesMaster" Target="notesMasters/notesMaster1.xml"/><Relationship Id="rId86" Type="http://schemas.openxmlformats.org/officeDocument/2006/relationships/font" Target="fonts/font4.fntdata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Brian Oreskov" userId="813b5832-fc3a-4ab8-9f9a-e7ca8085dfef" providerId="ADAL" clId="{413BA1CA-60D0-4DDF-A4DC-F671038E8B0E}"/>
    <pc:docChg chg="undo custSel addSld delSld modSld sldOrd">
      <pc:chgData name="Brian Oreskov" userId="813b5832-fc3a-4ab8-9f9a-e7ca8085dfef" providerId="ADAL" clId="{413BA1CA-60D0-4DDF-A4DC-F671038E8B0E}" dt="2025-02-12T15:17:39.860" v="44" actId="729"/>
      <pc:docMkLst>
        <pc:docMk/>
      </pc:docMkLst>
      <pc:sldChg chg="mod modShow">
        <pc:chgData name="Brian Oreskov" userId="813b5832-fc3a-4ab8-9f9a-e7ca8085dfef" providerId="ADAL" clId="{413BA1CA-60D0-4DDF-A4DC-F671038E8B0E}" dt="2025-02-12T15:16:33.374" v="26" actId="729"/>
        <pc:sldMkLst>
          <pc:docMk/>
          <pc:sldMk cId="0" sldId="259"/>
        </pc:sldMkLst>
      </pc:sldChg>
      <pc:sldChg chg="mod modShow">
        <pc:chgData name="Brian Oreskov" userId="813b5832-fc3a-4ab8-9f9a-e7ca8085dfef" providerId="ADAL" clId="{413BA1CA-60D0-4DDF-A4DC-F671038E8B0E}" dt="2025-02-12T15:16:43.646" v="27" actId="729"/>
        <pc:sldMkLst>
          <pc:docMk/>
          <pc:sldMk cId="0" sldId="261"/>
        </pc:sldMkLst>
      </pc:sldChg>
      <pc:sldChg chg="mod modShow">
        <pc:chgData name="Brian Oreskov" userId="813b5832-fc3a-4ab8-9f9a-e7ca8085dfef" providerId="ADAL" clId="{413BA1CA-60D0-4DDF-A4DC-F671038E8B0E}" dt="2025-02-12T15:16:45.977" v="28" actId="729"/>
        <pc:sldMkLst>
          <pc:docMk/>
          <pc:sldMk cId="0" sldId="262"/>
        </pc:sldMkLst>
      </pc:sldChg>
      <pc:sldChg chg="mod modShow">
        <pc:chgData name="Brian Oreskov" userId="813b5832-fc3a-4ab8-9f9a-e7ca8085dfef" providerId="ADAL" clId="{413BA1CA-60D0-4DDF-A4DC-F671038E8B0E}" dt="2025-02-12T15:16:50.053" v="29" actId="729"/>
        <pc:sldMkLst>
          <pc:docMk/>
          <pc:sldMk cId="0" sldId="283"/>
        </pc:sldMkLst>
      </pc:sldChg>
      <pc:sldChg chg="mod modShow">
        <pc:chgData name="Brian Oreskov" userId="813b5832-fc3a-4ab8-9f9a-e7ca8085dfef" providerId="ADAL" clId="{413BA1CA-60D0-4DDF-A4DC-F671038E8B0E}" dt="2025-02-12T15:16:55.479" v="31" actId="729"/>
        <pc:sldMkLst>
          <pc:docMk/>
          <pc:sldMk cId="0" sldId="284"/>
        </pc:sldMkLst>
      </pc:sldChg>
      <pc:sldChg chg="mod modShow">
        <pc:chgData name="Brian Oreskov" userId="813b5832-fc3a-4ab8-9f9a-e7ca8085dfef" providerId="ADAL" clId="{413BA1CA-60D0-4DDF-A4DC-F671038E8B0E}" dt="2025-02-12T15:16:52.625" v="30" actId="729"/>
        <pc:sldMkLst>
          <pc:docMk/>
          <pc:sldMk cId="0" sldId="285"/>
        </pc:sldMkLst>
      </pc:sldChg>
      <pc:sldChg chg="mod modShow">
        <pc:chgData name="Brian Oreskov" userId="813b5832-fc3a-4ab8-9f9a-e7ca8085dfef" providerId="ADAL" clId="{413BA1CA-60D0-4DDF-A4DC-F671038E8B0E}" dt="2025-02-12T15:16:58.475" v="32" actId="729"/>
        <pc:sldMkLst>
          <pc:docMk/>
          <pc:sldMk cId="0" sldId="286"/>
        </pc:sldMkLst>
      </pc:sldChg>
      <pc:sldChg chg="mod modShow">
        <pc:chgData name="Brian Oreskov" userId="813b5832-fc3a-4ab8-9f9a-e7ca8085dfef" providerId="ADAL" clId="{413BA1CA-60D0-4DDF-A4DC-F671038E8B0E}" dt="2025-02-12T15:17:01.224" v="33" actId="729"/>
        <pc:sldMkLst>
          <pc:docMk/>
          <pc:sldMk cId="0" sldId="287"/>
        </pc:sldMkLst>
      </pc:sldChg>
      <pc:sldChg chg="mod modShow">
        <pc:chgData name="Brian Oreskov" userId="813b5832-fc3a-4ab8-9f9a-e7ca8085dfef" providerId="ADAL" clId="{413BA1CA-60D0-4DDF-A4DC-F671038E8B0E}" dt="2025-02-12T15:17:07.042" v="34" actId="729"/>
        <pc:sldMkLst>
          <pc:docMk/>
          <pc:sldMk cId="0" sldId="288"/>
        </pc:sldMkLst>
      </pc:sldChg>
      <pc:sldChg chg="mod modShow">
        <pc:chgData name="Brian Oreskov" userId="813b5832-fc3a-4ab8-9f9a-e7ca8085dfef" providerId="ADAL" clId="{413BA1CA-60D0-4DDF-A4DC-F671038E8B0E}" dt="2025-02-12T15:17:09.008" v="35" actId="729"/>
        <pc:sldMkLst>
          <pc:docMk/>
          <pc:sldMk cId="0" sldId="289"/>
        </pc:sldMkLst>
      </pc:sldChg>
      <pc:sldChg chg="mod modShow">
        <pc:chgData name="Brian Oreskov" userId="813b5832-fc3a-4ab8-9f9a-e7ca8085dfef" providerId="ADAL" clId="{413BA1CA-60D0-4DDF-A4DC-F671038E8B0E}" dt="2025-02-12T15:17:11.774" v="36" actId="729"/>
        <pc:sldMkLst>
          <pc:docMk/>
          <pc:sldMk cId="0" sldId="290"/>
        </pc:sldMkLst>
      </pc:sldChg>
      <pc:sldChg chg="mod modShow">
        <pc:chgData name="Brian Oreskov" userId="813b5832-fc3a-4ab8-9f9a-e7ca8085dfef" providerId="ADAL" clId="{413BA1CA-60D0-4DDF-A4DC-F671038E8B0E}" dt="2025-02-12T15:17:16.205" v="37" actId="729"/>
        <pc:sldMkLst>
          <pc:docMk/>
          <pc:sldMk cId="0" sldId="291"/>
        </pc:sldMkLst>
      </pc:sldChg>
      <pc:sldChg chg="mod modShow">
        <pc:chgData name="Brian Oreskov" userId="813b5832-fc3a-4ab8-9f9a-e7ca8085dfef" providerId="ADAL" clId="{413BA1CA-60D0-4DDF-A4DC-F671038E8B0E}" dt="2025-02-12T15:17:18.470" v="38" actId="729"/>
        <pc:sldMkLst>
          <pc:docMk/>
          <pc:sldMk cId="0" sldId="292"/>
        </pc:sldMkLst>
      </pc:sldChg>
      <pc:sldChg chg="mod modShow">
        <pc:chgData name="Brian Oreskov" userId="813b5832-fc3a-4ab8-9f9a-e7ca8085dfef" providerId="ADAL" clId="{413BA1CA-60D0-4DDF-A4DC-F671038E8B0E}" dt="2025-02-12T15:17:23.017" v="39" actId="729"/>
        <pc:sldMkLst>
          <pc:docMk/>
          <pc:sldMk cId="0" sldId="293"/>
        </pc:sldMkLst>
      </pc:sldChg>
      <pc:sldChg chg="mod modShow">
        <pc:chgData name="Brian Oreskov" userId="813b5832-fc3a-4ab8-9f9a-e7ca8085dfef" providerId="ADAL" clId="{413BA1CA-60D0-4DDF-A4DC-F671038E8B0E}" dt="2025-02-12T15:17:28.902" v="40" actId="729"/>
        <pc:sldMkLst>
          <pc:docMk/>
          <pc:sldMk cId="0" sldId="294"/>
        </pc:sldMkLst>
      </pc:sldChg>
      <pc:sldChg chg="mod modShow">
        <pc:chgData name="Brian Oreskov" userId="813b5832-fc3a-4ab8-9f9a-e7ca8085dfef" providerId="ADAL" clId="{413BA1CA-60D0-4DDF-A4DC-F671038E8B0E}" dt="2025-02-12T15:17:30.899" v="41" actId="729"/>
        <pc:sldMkLst>
          <pc:docMk/>
          <pc:sldMk cId="0" sldId="295"/>
        </pc:sldMkLst>
      </pc:sldChg>
      <pc:sldChg chg="mod modShow">
        <pc:chgData name="Brian Oreskov" userId="813b5832-fc3a-4ab8-9f9a-e7ca8085dfef" providerId="ADAL" clId="{413BA1CA-60D0-4DDF-A4DC-F671038E8B0E}" dt="2025-02-12T15:17:34.839" v="42" actId="729"/>
        <pc:sldMkLst>
          <pc:docMk/>
          <pc:sldMk cId="0" sldId="296"/>
        </pc:sldMkLst>
      </pc:sldChg>
      <pc:sldChg chg="mod modShow">
        <pc:chgData name="Brian Oreskov" userId="813b5832-fc3a-4ab8-9f9a-e7ca8085dfef" providerId="ADAL" clId="{413BA1CA-60D0-4DDF-A4DC-F671038E8B0E}" dt="2025-02-12T15:17:37.316" v="43" actId="729"/>
        <pc:sldMkLst>
          <pc:docMk/>
          <pc:sldMk cId="0" sldId="297"/>
        </pc:sldMkLst>
      </pc:sldChg>
      <pc:sldChg chg="mod modShow">
        <pc:chgData name="Brian Oreskov" userId="813b5832-fc3a-4ab8-9f9a-e7ca8085dfef" providerId="ADAL" clId="{413BA1CA-60D0-4DDF-A4DC-F671038E8B0E}" dt="2025-02-12T15:17:39.860" v="44" actId="729"/>
        <pc:sldMkLst>
          <pc:docMk/>
          <pc:sldMk cId="0" sldId="298"/>
        </pc:sldMkLst>
      </pc:sldChg>
      <pc:sldChg chg="mod ord modShow">
        <pc:chgData name="Brian Oreskov" userId="813b5832-fc3a-4ab8-9f9a-e7ca8085dfef" providerId="ADAL" clId="{413BA1CA-60D0-4DDF-A4DC-F671038E8B0E}" dt="2025-02-12T15:16:30.143" v="25" actId="729"/>
        <pc:sldMkLst>
          <pc:docMk/>
          <pc:sldMk cId="0" sldId="299"/>
        </pc:sldMkLst>
      </pc:sldChg>
      <pc:sldChg chg="new del">
        <pc:chgData name="Brian Oreskov" userId="813b5832-fc3a-4ab8-9f9a-e7ca8085dfef" providerId="ADAL" clId="{413BA1CA-60D0-4DDF-A4DC-F671038E8B0E}" dt="2025-02-12T15:16:00.739" v="21" actId="680"/>
        <pc:sldMkLst>
          <pc:docMk/>
          <pc:sldMk cId="3434097601" sldId="300"/>
        </pc:sldMkLst>
      </pc:sldChg>
      <pc:sldChg chg="new del">
        <pc:chgData name="Brian Oreskov" userId="813b5832-fc3a-4ab8-9f9a-e7ca8085dfef" providerId="ADAL" clId="{413BA1CA-60D0-4DDF-A4DC-F671038E8B0E}" dt="2025-02-12T15:16:00.577" v="20" actId="680"/>
        <pc:sldMkLst>
          <pc:docMk/>
          <pc:sldMk cId="1629416454" sldId="301"/>
        </pc:sldMkLst>
      </pc:sldChg>
      <pc:sldChg chg="new del">
        <pc:chgData name="Brian Oreskov" userId="813b5832-fc3a-4ab8-9f9a-e7ca8085dfef" providerId="ADAL" clId="{413BA1CA-60D0-4DDF-A4DC-F671038E8B0E}" dt="2025-02-12T15:16:00.374" v="19" actId="680"/>
        <pc:sldMkLst>
          <pc:docMk/>
          <pc:sldMk cId="418788206" sldId="302"/>
        </pc:sldMkLst>
      </pc:sldChg>
      <pc:sldChg chg="new del">
        <pc:chgData name="Brian Oreskov" userId="813b5832-fc3a-4ab8-9f9a-e7ca8085dfef" providerId="ADAL" clId="{413BA1CA-60D0-4DDF-A4DC-F671038E8B0E}" dt="2025-02-12T15:16:00.169" v="18" actId="680"/>
        <pc:sldMkLst>
          <pc:docMk/>
          <pc:sldMk cId="4158509552" sldId="303"/>
        </pc:sldMkLst>
      </pc:sldChg>
      <pc:sldChg chg="new del">
        <pc:chgData name="Brian Oreskov" userId="813b5832-fc3a-4ab8-9f9a-e7ca8085dfef" providerId="ADAL" clId="{413BA1CA-60D0-4DDF-A4DC-F671038E8B0E}" dt="2025-02-12T15:15:59.977" v="17" actId="680"/>
        <pc:sldMkLst>
          <pc:docMk/>
          <pc:sldMk cId="3036147792" sldId="304"/>
        </pc:sldMkLst>
      </pc:sldChg>
      <pc:sldChg chg="new del">
        <pc:chgData name="Brian Oreskov" userId="813b5832-fc3a-4ab8-9f9a-e7ca8085dfef" providerId="ADAL" clId="{413BA1CA-60D0-4DDF-A4DC-F671038E8B0E}" dt="2025-02-12T15:15:59.787" v="16" actId="680"/>
        <pc:sldMkLst>
          <pc:docMk/>
          <pc:sldMk cId="1698750883" sldId="305"/>
        </pc:sldMkLst>
      </pc:sldChg>
      <pc:sldChg chg="new del">
        <pc:chgData name="Brian Oreskov" userId="813b5832-fc3a-4ab8-9f9a-e7ca8085dfef" providerId="ADAL" clId="{413BA1CA-60D0-4DDF-A4DC-F671038E8B0E}" dt="2025-02-12T15:15:59.601" v="15" actId="680"/>
        <pc:sldMkLst>
          <pc:docMk/>
          <pc:sldMk cId="3095258621" sldId="306"/>
        </pc:sldMkLst>
      </pc:sldChg>
      <pc:sldChg chg="new del">
        <pc:chgData name="Brian Oreskov" userId="813b5832-fc3a-4ab8-9f9a-e7ca8085dfef" providerId="ADAL" clId="{413BA1CA-60D0-4DDF-A4DC-F671038E8B0E}" dt="2025-02-12T15:15:59.429" v="14" actId="680"/>
        <pc:sldMkLst>
          <pc:docMk/>
          <pc:sldMk cId="3883565096" sldId="307"/>
        </pc:sldMkLst>
      </pc:sldChg>
      <pc:sldChg chg="new del">
        <pc:chgData name="Brian Oreskov" userId="813b5832-fc3a-4ab8-9f9a-e7ca8085dfef" providerId="ADAL" clId="{413BA1CA-60D0-4DDF-A4DC-F671038E8B0E}" dt="2025-02-12T15:15:59.270" v="13" actId="680"/>
        <pc:sldMkLst>
          <pc:docMk/>
          <pc:sldMk cId="379882635" sldId="308"/>
        </pc:sldMkLst>
      </pc:sldChg>
      <pc:sldChg chg="new del">
        <pc:chgData name="Brian Oreskov" userId="813b5832-fc3a-4ab8-9f9a-e7ca8085dfef" providerId="ADAL" clId="{413BA1CA-60D0-4DDF-A4DC-F671038E8B0E}" dt="2025-02-12T15:15:59.075" v="12" actId="680"/>
        <pc:sldMkLst>
          <pc:docMk/>
          <pc:sldMk cId="3241653407" sldId="309"/>
        </pc:sldMkLst>
      </pc:sldChg>
      <pc:sldChg chg="new del">
        <pc:chgData name="Brian Oreskov" userId="813b5832-fc3a-4ab8-9f9a-e7ca8085dfef" providerId="ADAL" clId="{413BA1CA-60D0-4DDF-A4DC-F671038E8B0E}" dt="2025-02-12T15:15:58.864" v="11" actId="680"/>
        <pc:sldMkLst>
          <pc:docMk/>
          <pc:sldMk cId="3753576265" sldId="310"/>
        </pc:sldMkLst>
      </pc:sld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ADC48DA2-BFEB-49D8-4997-1AB76EA8717F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 eaLnBrk="1" fontAlgn="auto" hangingPunct="1">
              <a:spcBef>
                <a:spcPts val="0"/>
              </a:spcBef>
              <a:spcAft>
                <a:spcPts val="0"/>
              </a:spcAft>
              <a:defRPr sz="1200" dirty="0">
                <a:latin typeface="+mn-lt"/>
              </a:defRPr>
            </a:lvl1pPr>
          </a:lstStyle>
          <a:p>
            <a:pPr>
              <a:defRPr/>
            </a:pP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DF5B14FB-FFC3-D19E-D447-56DBE34AA7CC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 eaLnBrk="1" fontAlgn="auto" hangingPunct="1">
              <a:spcBef>
                <a:spcPts val="0"/>
              </a:spcBef>
              <a:spcAft>
                <a:spcPts val="0"/>
              </a:spcAft>
              <a:defRPr sz="1200" smtClean="0">
                <a:latin typeface="+mn-lt"/>
              </a:defRPr>
            </a:lvl1pPr>
          </a:lstStyle>
          <a:p>
            <a:pPr>
              <a:defRPr/>
            </a:pPr>
            <a:fld id="{450B8B18-CFC8-4071-BE22-9277A0033AD8}" type="datetime1">
              <a:rPr lang="en-GB"/>
              <a:pPr>
                <a:defRPr/>
              </a:pPr>
              <a:t>12/02/2025</a:t>
            </a:fld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12F2325-097A-50CB-5FA4-539D2EC0D6F3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 eaLnBrk="1" fontAlgn="auto" hangingPunct="1">
              <a:spcBef>
                <a:spcPts val="0"/>
              </a:spcBef>
              <a:spcAft>
                <a:spcPts val="0"/>
              </a:spcAft>
              <a:defRPr sz="1200" smtClean="0">
                <a:latin typeface="+mn-lt"/>
              </a:defRPr>
            </a:lvl1pPr>
          </a:lstStyle>
          <a:p>
            <a:pPr>
              <a:defRPr/>
            </a:pPr>
            <a:fld id="{44B621F4-C6A3-45A7-8837-6117FAB00B71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24CAF39-E5B4-8A1F-2461-F1B8C24D0BCF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 eaLnBrk="1" fontAlgn="auto" hangingPunct="1">
              <a:spcBef>
                <a:spcPts val="0"/>
              </a:spcBef>
              <a:spcAft>
                <a:spcPts val="0"/>
              </a:spcAft>
              <a:defRPr sz="1200" dirty="0">
                <a:latin typeface="+mn-lt"/>
              </a:defRPr>
            </a:lvl1pPr>
          </a:lstStyle>
          <a:p>
            <a:pPr>
              <a:defRPr/>
            </a:pP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"/>
      </p:ext>
    </p:extLst>
  </p:cSld>
  <p:clrMap bg1="lt1" tx1="dk1" bg2="lt2" tx2="dk2" accent1="accent1" accent2="accent2" accent3="accent3" accent4="accent4" accent5="accent5" accent6="accent6" hlink="hlink" folHlink="folHlink"/>
  <p:hf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C1DB40A0-7B42-CC35-5787-A79A798361E2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 eaLnBrk="1" fontAlgn="auto" hangingPunct="1">
              <a:spcBef>
                <a:spcPts val="0"/>
              </a:spcBef>
              <a:spcAft>
                <a:spcPts val="0"/>
              </a:spcAft>
              <a:defRPr sz="1200" smtClean="0">
                <a:latin typeface="+mn-lt"/>
              </a:defRPr>
            </a:lvl1pPr>
          </a:lstStyle>
          <a:p>
            <a:pPr>
              <a:defRPr/>
            </a:pPr>
            <a:fld id="{13FB67AA-33AD-43C2-B9D9-258B41421815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0E36ED4C-7EE8-DCBB-AA80-73681B4404EB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noProof="0" dirty="0"/>
              <a:t>Click to edit Master text styles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  <a:endParaRPr lang="en-GB" noProof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314356E-E54B-2612-C433-D874BCBEC944}"/>
              </a:ext>
            </a:extLst>
          </p:cNvPr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 eaLnBrk="1" fontAlgn="auto" hangingPunct="1">
              <a:spcBef>
                <a:spcPts val="0"/>
              </a:spcBef>
              <a:spcAft>
                <a:spcPts val="0"/>
              </a:spcAft>
              <a:defRPr sz="1200" smtClean="0">
                <a:latin typeface="+mn-lt"/>
              </a:defRPr>
            </a:lvl1pPr>
          </a:lstStyle>
          <a:p>
            <a:pPr>
              <a:defRPr/>
            </a:pPr>
            <a:fld id="{2A0092E9-7AE7-431A-B2C5-9D09B4F040A9}" type="datetime1">
              <a:rPr lang="en-GB"/>
              <a:pPr>
                <a:defRPr/>
              </a:pPr>
              <a:t>12/02/2025</a:t>
            </a:fld>
            <a:endParaRPr lang="en-GB" dirty="0"/>
          </a:p>
        </p:txBody>
      </p:sp>
      <p:sp>
        <p:nvSpPr>
          <p:cNvPr id="5" name="Header Placeholder 4">
            <a:extLst>
              <a:ext uri="{FF2B5EF4-FFF2-40B4-BE49-F238E27FC236}">
                <a16:creationId xmlns:a16="http://schemas.microsoft.com/office/drawing/2014/main" id="{7115E3E7-4925-147A-F224-7E16DFED04F9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 eaLnBrk="1" fontAlgn="auto" hangingPunct="1">
              <a:spcBef>
                <a:spcPts val="0"/>
              </a:spcBef>
              <a:spcAft>
                <a:spcPts val="0"/>
              </a:spcAft>
              <a:defRPr sz="1200" dirty="0">
                <a:latin typeface="+mn-lt"/>
              </a:defRPr>
            </a:lvl1pPr>
          </a:lstStyle>
          <a:p>
            <a:pPr>
              <a:defRPr/>
            </a:pPr>
            <a:endParaRPr lang="en-GB"/>
          </a:p>
        </p:txBody>
      </p:sp>
      <p:sp>
        <p:nvSpPr>
          <p:cNvPr id="6" name="Slide Image Placeholder 5">
            <a:extLst>
              <a:ext uri="{FF2B5EF4-FFF2-40B4-BE49-F238E27FC236}">
                <a16:creationId xmlns:a16="http://schemas.microsoft.com/office/drawing/2014/main" id="{ABFDA573-F4F7-C083-B568-8807D99B1565}"/>
              </a:ext>
            </a:extLst>
          </p:cNvPr>
          <p:cNvSpPr>
            <a:spLocks noGrp="1" noRot="1" noChangeAspect="1"/>
          </p:cNvSpPr>
          <p:nvPr>
            <p:ph type="sldImg" idx="2"/>
          </p:nvPr>
        </p:nvSpPr>
        <p:spPr>
          <a:xfrm>
            <a:off x="2560638" y="1143000"/>
            <a:ext cx="1736725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pPr lvl="0"/>
            <a:endParaRPr lang="en-GB" noProof="0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3B434BBB-15C8-B8DB-0456-A184350C0E51}"/>
              </a:ext>
            </a:extLst>
          </p:cNvPr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 eaLnBrk="1" fontAlgn="auto" hangingPunct="1">
              <a:spcBef>
                <a:spcPts val="0"/>
              </a:spcBef>
              <a:spcAft>
                <a:spcPts val="0"/>
              </a:spcAft>
              <a:defRPr sz="1200" dirty="0">
                <a:latin typeface="+mn-lt"/>
              </a:defRPr>
            </a:lvl1pPr>
          </a:lstStyle>
          <a:p>
            <a:pPr>
              <a:defRPr/>
            </a:pPr>
            <a:endParaRPr lang="en-GB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hf/>
  <p:notesStyle>
    <a:lvl1pPr algn="l" rtl="0" fontAlgn="base">
      <a:spcBef>
        <a:spcPct val="30000"/>
      </a:spcBef>
      <a:spcAft>
        <a:spcPct val="0"/>
      </a:spcAft>
      <a:buFont typeface="Arial" panose="020B0604020202020204" pitchFamily="34" charset="0"/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179388" algn="l" rtl="0" fontAlgn="base">
      <a:spcBef>
        <a:spcPct val="30000"/>
      </a:spcBef>
      <a:spcAft>
        <a:spcPct val="0"/>
      </a:spcAft>
      <a:buFont typeface="Arial" panose="020B0604020202020204" pitchFamily="34" charset="0"/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358775" algn="l" rtl="0" fontAlgn="base">
      <a:spcBef>
        <a:spcPct val="30000"/>
      </a:spcBef>
      <a:spcAft>
        <a:spcPct val="0"/>
      </a:spcAft>
      <a:buFont typeface="Arial" panose="020B0604020202020204" pitchFamily="34" charset="0"/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539750" algn="l" rtl="0" fontAlgn="base">
      <a:spcBef>
        <a:spcPct val="30000"/>
      </a:spcBef>
      <a:spcAft>
        <a:spcPct val="0"/>
      </a:spcAft>
      <a:buFont typeface="Arial" panose="020B0604020202020204" pitchFamily="34" charset="0"/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719138" algn="l" rtl="0" fontAlgn="base">
      <a:spcBef>
        <a:spcPct val="30000"/>
      </a:spcBef>
      <a:spcAft>
        <a:spcPct val="0"/>
      </a:spcAft>
      <a:buFont typeface="Arial" panose="020B0604020202020204" pitchFamily="34" charset="0"/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1.xml"/><Relationship Id="rId1" Type="http://schemas.openxmlformats.org/officeDocument/2006/relationships/themeOverride" Target="../theme/themeOverride3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1.xml"/><Relationship Id="rId1" Type="http://schemas.openxmlformats.org/officeDocument/2006/relationships/themeOverride" Target="../theme/themeOverride4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1.xml"/><Relationship Id="rId1" Type="http://schemas.openxmlformats.org/officeDocument/2006/relationships/themeOverride" Target="../theme/themeOverride5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1.xml"/><Relationship Id="rId1" Type="http://schemas.openxmlformats.org/officeDocument/2006/relationships/themeOverride" Target="../theme/themeOverride6.xml"/></Relationships>
</file>

<file path=ppt/slideLayouts/_rels/slideLayout32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1.xml"/><Relationship Id="rId1" Type="http://schemas.openxmlformats.org/officeDocument/2006/relationships/themeOverride" Target="../theme/themeOverride7.xml"/></Relationships>
</file>

<file path=ppt/slideLayouts/_rels/slideLayout33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1.xml"/><Relationship Id="rId1" Type="http://schemas.openxmlformats.org/officeDocument/2006/relationships/themeOverride" Target="../theme/themeOverride8.xml"/></Relationships>
</file>

<file path=ppt/slideLayouts/_rels/slideLayout34.xml.rels><?xml version="1.0" encoding="UTF-8" standalone="yes"?>
<Relationships xmlns="http://schemas.openxmlformats.org/package/2006/relationships"><Relationship Id="rId8" Type="http://schemas.openxmlformats.org/officeDocument/2006/relationships/image" Target="../media/image7.png"/><Relationship Id="rId13" Type="http://schemas.openxmlformats.org/officeDocument/2006/relationships/image" Target="../media/image12.png"/><Relationship Id="rId3" Type="http://schemas.openxmlformats.org/officeDocument/2006/relationships/image" Target="../media/image2.png"/><Relationship Id="rId7" Type="http://schemas.openxmlformats.org/officeDocument/2006/relationships/image" Target="../media/image6.png"/><Relationship Id="rId12" Type="http://schemas.openxmlformats.org/officeDocument/2006/relationships/image" Target="../media/image11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5.png"/><Relationship Id="rId11" Type="http://schemas.openxmlformats.org/officeDocument/2006/relationships/image" Target="../media/image10.png"/><Relationship Id="rId5" Type="http://schemas.openxmlformats.org/officeDocument/2006/relationships/image" Target="../media/image4.png"/><Relationship Id="rId10" Type="http://schemas.openxmlformats.org/officeDocument/2006/relationships/image" Target="../media/image9.png"/><Relationship Id="rId4" Type="http://schemas.openxmlformats.org/officeDocument/2006/relationships/image" Target="../media/image3.png"/><Relationship Id="rId9" Type="http://schemas.openxmlformats.org/officeDocument/2006/relationships/image" Target="../media/image8.png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3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2.xml"/><Relationship Id="rId1" Type="http://schemas.openxmlformats.org/officeDocument/2006/relationships/themeOverride" Target="../theme/themeOverride9.xml"/></Relationships>
</file>

<file path=ppt/slideLayouts/_rels/slideLayout44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2.xml"/><Relationship Id="rId1" Type="http://schemas.openxmlformats.org/officeDocument/2006/relationships/themeOverride" Target="../theme/themeOverride10.xml"/></Relationships>
</file>

<file path=ppt/slideLayouts/_rels/slideLayout45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2.xml"/><Relationship Id="rId1" Type="http://schemas.openxmlformats.org/officeDocument/2006/relationships/themeOverride" Target="../theme/themeOverride11.xml"/></Relationships>
</file>

<file path=ppt/slideLayouts/_rels/slideLayout46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2.xml"/><Relationship Id="rId1" Type="http://schemas.openxmlformats.org/officeDocument/2006/relationships/themeOverride" Target="../theme/themeOverride12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2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2.xml"/><Relationship Id="rId1" Type="http://schemas.openxmlformats.org/officeDocument/2006/relationships/themeOverride" Target="../theme/themeOverride13.xml"/></Relationships>
</file>

<file path=ppt/slideLayouts/_rels/slideLayout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6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2.xml"/><Relationship Id="rId1" Type="http://schemas.openxmlformats.org/officeDocument/2006/relationships/themeOverride" Target="../theme/themeOverride14.xml"/></Relationships>
</file>

<file path=ppt/slideLayouts/_rels/slideLayout67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2.xml"/><Relationship Id="rId1" Type="http://schemas.openxmlformats.org/officeDocument/2006/relationships/themeOverride" Target="../theme/themeOverride15.xml"/></Relationships>
</file>

<file path=ppt/slideLayouts/_rels/slideLayout68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2.xml"/><Relationship Id="rId1" Type="http://schemas.openxmlformats.org/officeDocument/2006/relationships/themeOverride" Target="../theme/themeOverride16.xml"/></Relationships>
</file>

<file path=ppt/slideLayouts/_rels/slideLayout69.xml.rels><?xml version="1.0" encoding="UTF-8" standalone="yes"?>
<Relationships xmlns="http://schemas.openxmlformats.org/package/2006/relationships"><Relationship Id="rId8" Type="http://schemas.openxmlformats.org/officeDocument/2006/relationships/image" Target="../media/image7.png"/><Relationship Id="rId13" Type="http://schemas.openxmlformats.org/officeDocument/2006/relationships/image" Target="../media/image12.png"/><Relationship Id="rId3" Type="http://schemas.openxmlformats.org/officeDocument/2006/relationships/image" Target="../media/image2.png"/><Relationship Id="rId7" Type="http://schemas.openxmlformats.org/officeDocument/2006/relationships/image" Target="../media/image6.png"/><Relationship Id="rId12" Type="http://schemas.openxmlformats.org/officeDocument/2006/relationships/image" Target="../media/image11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Relationship Id="rId6" Type="http://schemas.openxmlformats.org/officeDocument/2006/relationships/image" Target="../media/image5.png"/><Relationship Id="rId11" Type="http://schemas.openxmlformats.org/officeDocument/2006/relationships/image" Target="../media/image10.png"/><Relationship Id="rId5" Type="http://schemas.openxmlformats.org/officeDocument/2006/relationships/image" Target="../media/image4.png"/><Relationship Id="rId10" Type="http://schemas.openxmlformats.org/officeDocument/2006/relationships/image" Target="../media/image9.png"/><Relationship Id="rId4" Type="http://schemas.openxmlformats.org/officeDocument/2006/relationships/image" Target="../media/image3.png"/><Relationship Id="rId9" Type="http://schemas.openxmlformats.org/officeDocument/2006/relationships/image" Target="../media/image8.png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7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72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2.xml"/><Relationship Id="rId1" Type="http://schemas.openxmlformats.org/officeDocument/2006/relationships/themeOverride" Target="../theme/themeOverride17.xml"/></Relationships>
</file>

<file path=ppt/slideLayouts/_rels/slideLayout7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74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2.xml"/><Relationship Id="rId1" Type="http://schemas.openxmlformats.org/officeDocument/2006/relationships/themeOverride" Target="../theme/themeOverride18.xml"/></Relationships>
</file>

<file path=ppt/slideLayouts/_rels/slideLayout75.xml.rels><?xml version="1.0" encoding="UTF-8" standalone="yes"?>
<Relationships xmlns="http://schemas.openxmlformats.org/package/2006/relationships"><Relationship Id="rId8" Type="http://schemas.openxmlformats.org/officeDocument/2006/relationships/image" Target="../media/image7.png"/><Relationship Id="rId13" Type="http://schemas.openxmlformats.org/officeDocument/2006/relationships/image" Target="../media/image12.png"/><Relationship Id="rId3" Type="http://schemas.openxmlformats.org/officeDocument/2006/relationships/image" Target="../media/image2.png"/><Relationship Id="rId7" Type="http://schemas.openxmlformats.org/officeDocument/2006/relationships/image" Target="../media/image6.png"/><Relationship Id="rId12" Type="http://schemas.openxmlformats.org/officeDocument/2006/relationships/image" Target="../media/image11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Relationship Id="rId6" Type="http://schemas.openxmlformats.org/officeDocument/2006/relationships/image" Target="../media/image5.png"/><Relationship Id="rId11" Type="http://schemas.openxmlformats.org/officeDocument/2006/relationships/image" Target="../media/image10.png"/><Relationship Id="rId5" Type="http://schemas.openxmlformats.org/officeDocument/2006/relationships/image" Target="../media/image4.png"/><Relationship Id="rId10" Type="http://schemas.openxmlformats.org/officeDocument/2006/relationships/image" Target="../media/image9.png"/><Relationship Id="rId4" Type="http://schemas.openxmlformats.org/officeDocument/2006/relationships/image" Target="../media/image3.png"/><Relationship Id="rId9" Type="http://schemas.openxmlformats.org/officeDocument/2006/relationships/image" Target="../media/image8.png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1.xml"/><Relationship Id="rId1" Type="http://schemas.openxmlformats.org/officeDocument/2006/relationships/themeOverride" Target="../theme/themeOverride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1.xml"/><Relationship Id="rId1" Type="http://schemas.openxmlformats.org/officeDocument/2006/relationships/themeOverride" Target="../theme/themeOverride2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 slide med helside billed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5.element bund">
            <a:extLst>
              <a:ext uri="{FF2B5EF4-FFF2-40B4-BE49-F238E27FC236}">
                <a16:creationId xmlns:a16="http://schemas.microsoft.com/office/drawing/2014/main" id="{E99401FB-74F3-F092-4FCB-0B7C2F36BCED}"/>
              </a:ext>
            </a:extLst>
          </p:cNvPr>
          <p:cNvSpPr/>
          <p:nvPr userDrawn="1"/>
        </p:nvSpPr>
        <p:spPr>
          <a:xfrm>
            <a:off x="4929188" y="6096000"/>
            <a:ext cx="1928812" cy="6096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20250" rIns="40500" bIns="2025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900" dirty="0"/>
          </a:p>
        </p:txBody>
      </p:sp>
      <p:sp>
        <p:nvSpPr>
          <p:cNvPr id="5" name="5.element top">
            <a:extLst>
              <a:ext uri="{FF2B5EF4-FFF2-40B4-BE49-F238E27FC236}">
                <a16:creationId xmlns:a16="http://schemas.microsoft.com/office/drawing/2014/main" id="{AED7400C-C469-2DA5-A16D-20E2A97DE0E8}"/>
              </a:ext>
            </a:extLst>
          </p:cNvPr>
          <p:cNvSpPr/>
          <p:nvPr/>
        </p:nvSpPr>
        <p:spPr>
          <a:xfrm>
            <a:off x="4929188" y="0"/>
            <a:ext cx="1930400" cy="6096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20250" rIns="40500" bIns="2025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900" dirty="0"/>
          </a:p>
        </p:txBody>
      </p:sp>
      <p:sp>
        <p:nvSpPr>
          <p:cNvPr id="6" name="Logo">
            <a:extLst>
              <a:ext uri="{FF2B5EF4-FFF2-40B4-BE49-F238E27FC236}">
                <a16:creationId xmlns:a16="http://schemas.microsoft.com/office/drawing/2014/main" id="{57D15F95-EF18-A9B7-72BF-982DCA7DC1E9}"/>
              </a:ext>
            </a:extLst>
          </p:cNvPr>
          <p:cNvSpPr/>
          <p:nvPr userDrawn="1"/>
        </p:nvSpPr>
        <p:spPr bwMode="white">
          <a:xfrm>
            <a:off x="6054725" y="639763"/>
            <a:ext cx="498475" cy="887412"/>
          </a:xfrm>
          <a:custGeom>
            <a:avLst/>
            <a:gdLst>
              <a:gd name="connsiteX0" fmla="*/ 3991223 w 5553123"/>
              <a:gd name="connsiteY0" fmla="*/ 1407246 h 3128654"/>
              <a:gd name="connsiteX1" fmla="*/ 3430346 w 5553123"/>
              <a:gd name="connsiteY1" fmla="*/ 1968030 h 3128654"/>
              <a:gd name="connsiteX2" fmla="*/ 3597555 w 5553123"/>
              <a:gd name="connsiteY2" fmla="*/ 1999879 h 3128654"/>
              <a:gd name="connsiteX3" fmla="*/ 4017277 w 5553123"/>
              <a:gd name="connsiteY3" fmla="*/ 1565700 h 3128654"/>
              <a:gd name="connsiteX4" fmla="*/ 4017243 w 5553123"/>
              <a:gd name="connsiteY4" fmla="*/ 1565803 h 3128654"/>
              <a:gd name="connsiteX5" fmla="*/ 3991223 w 5553123"/>
              <a:gd name="connsiteY5" fmla="*/ 1407246 h 3128654"/>
              <a:gd name="connsiteX6" fmla="*/ 3597692 w 5553123"/>
              <a:gd name="connsiteY6" fmla="*/ 1131487 h 3128654"/>
              <a:gd name="connsiteX7" fmla="*/ 3172031 w 5553123"/>
              <a:gd name="connsiteY7" fmla="*/ 1565700 h 3128654"/>
              <a:gd name="connsiteX8" fmla="*/ 3171997 w 5553123"/>
              <a:gd name="connsiteY8" fmla="*/ 1565803 h 3128654"/>
              <a:gd name="connsiteX9" fmla="*/ 3197296 w 5553123"/>
              <a:gd name="connsiteY9" fmla="*/ 1722061 h 3128654"/>
              <a:gd name="connsiteX10" fmla="*/ 3757830 w 5553123"/>
              <a:gd name="connsiteY10" fmla="*/ 1161723 h 3128654"/>
              <a:gd name="connsiteX11" fmla="*/ 3597692 w 5553123"/>
              <a:gd name="connsiteY11" fmla="*/ 1131487 h 3128654"/>
              <a:gd name="connsiteX12" fmla="*/ 2205438 w 5553123"/>
              <a:gd name="connsiteY12" fmla="*/ 837298 h 3128654"/>
              <a:gd name="connsiteX13" fmla="*/ 2590180 w 5553123"/>
              <a:gd name="connsiteY13" fmla="*/ 837298 h 3128654"/>
              <a:gd name="connsiteX14" fmla="*/ 2590180 w 5553123"/>
              <a:gd name="connsiteY14" fmla="*/ 2548651 h 3128654"/>
              <a:gd name="connsiteX15" fmla="*/ 2015984 w 5553123"/>
              <a:gd name="connsiteY15" fmla="*/ 3128654 h 3128654"/>
              <a:gd name="connsiteX16" fmla="*/ 1756572 w 5553123"/>
              <a:gd name="connsiteY16" fmla="*/ 3073262 h 3128654"/>
              <a:gd name="connsiteX17" fmla="*/ 1844038 w 5553123"/>
              <a:gd name="connsiteY17" fmla="*/ 2761571 h 3128654"/>
              <a:gd name="connsiteX18" fmla="*/ 1989724 w 5553123"/>
              <a:gd name="connsiteY18" fmla="*/ 2787791 h 3128654"/>
              <a:gd name="connsiteX19" fmla="*/ 2205438 w 5553123"/>
              <a:gd name="connsiteY19" fmla="*/ 2548857 h 3128654"/>
              <a:gd name="connsiteX20" fmla="*/ 4139105 w 5553123"/>
              <a:gd name="connsiteY20" fmla="*/ 780499 h 3128654"/>
              <a:gd name="connsiteX21" fmla="*/ 4378642 w 5553123"/>
              <a:gd name="connsiteY21" fmla="*/ 1020017 h 3128654"/>
              <a:gd name="connsiteX22" fmla="*/ 4263474 w 5553123"/>
              <a:gd name="connsiteY22" fmla="*/ 1135365 h 3128654"/>
              <a:gd name="connsiteX23" fmla="*/ 4390485 w 5553123"/>
              <a:gd name="connsiteY23" fmla="*/ 1565769 h 3128654"/>
              <a:gd name="connsiteX24" fmla="*/ 3597520 w 5553123"/>
              <a:gd name="connsiteY24" fmla="*/ 2335080 h 3128654"/>
              <a:gd name="connsiteX25" fmla="*/ 3173748 w 5553123"/>
              <a:gd name="connsiteY25" fmla="*/ 2224604 h 3128654"/>
              <a:gd name="connsiteX26" fmla="*/ 3050169 w 5553123"/>
              <a:gd name="connsiteY26" fmla="*/ 2348155 h 3128654"/>
              <a:gd name="connsiteX27" fmla="*/ 2810563 w 5553123"/>
              <a:gd name="connsiteY27" fmla="*/ 2108707 h 3128654"/>
              <a:gd name="connsiteX28" fmla="*/ 2925320 w 5553123"/>
              <a:gd name="connsiteY28" fmla="*/ 1993976 h 3128654"/>
              <a:gd name="connsiteX29" fmla="*/ 2798892 w 5553123"/>
              <a:gd name="connsiteY29" fmla="*/ 1565838 h 3128654"/>
              <a:gd name="connsiteX30" fmla="*/ 3597486 w 5553123"/>
              <a:gd name="connsiteY30" fmla="*/ 793644 h 3128654"/>
              <a:gd name="connsiteX31" fmla="*/ 4015526 w 5553123"/>
              <a:gd name="connsiteY31" fmla="*/ 904050 h 3128654"/>
              <a:gd name="connsiteX32" fmla="*/ 396379 w 5553123"/>
              <a:gd name="connsiteY32" fmla="*/ 435140 h 3128654"/>
              <a:gd name="connsiteX33" fmla="*/ 396379 w 5553123"/>
              <a:gd name="connsiteY33" fmla="*/ 1932956 h 3128654"/>
              <a:gd name="connsiteX34" fmla="*/ 846344 w 5553123"/>
              <a:gd name="connsiteY34" fmla="*/ 1932956 h 3128654"/>
              <a:gd name="connsiteX35" fmla="*/ 1601274 w 5553123"/>
              <a:gd name="connsiteY35" fmla="*/ 1184065 h 3128654"/>
              <a:gd name="connsiteX36" fmla="*/ 846344 w 5553123"/>
              <a:gd name="connsiteY36" fmla="*/ 435140 h 3128654"/>
              <a:gd name="connsiteX37" fmla="*/ 0 w 5553123"/>
              <a:gd name="connsiteY37" fmla="*/ 76739 h 3128654"/>
              <a:gd name="connsiteX38" fmla="*/ 820049 w 5553123"/>
              <a:gd name="connsiteY38" fmla="*/ 76739 h 3128654"/>
              <a:gd name="connsiteX39" fmla="*/ 2000502 w 5553123"/>
              <a:gd name="connsiteY39" fmla="*/ 1184065 h 3128654"/>
              <a:gd name="connsiteX40" fmla="*/ 820049 w 5553123"/>
              <a:gd name="connsiteY40" fmla="*/ 2291391 h 3128654"/>
              <a:gd name="connsiteX41" fmla="*/ 0 w 5553123"/>
              <a:gd name="connsiteY41" fmla="*/ 2291391 h 3128654"/>
              <a:gd name="connsiteX42" fmla="*/ 5214998 w 5553123"/>
              <a:gd name="connsiteY42" fmla="*/ 0 h 3128654"/>
              <a:gd name="connsiteX43" fmla="*/ 5474410 w 5553123"/>
              <a:gd name="connsiteY43" fmla="*/ 55393 h 3128654"/>
              <a:gd name="connsiteX44" fmla="*/ 5386944 w 5553123"/>
              <a:gd name="connsiteY44" fmla="*/ 367187 h 3128654"/>
              <a:gd name="connsiteX45" fmla="*/ 5241258 w 5553123"/>
              <a:gd name="connsiteY45" fmla="*/ 340932 h 3128654"/>
              <a:gd name="connsiteX46" fmla="*/ 5025544 w 5553123"/>
              <a:gd name="connsiteY46" fmla="*/ 579901 h 3128654"/>
              <a:gd name="connsiteX47" fmla="*/ 5025544 w 5553123"/>
              <a:gd name="connsiteY47" fmla="*/ 837299 h 3128654"/>
              <a:gd name="connsiteX48" fmla="*/ 5553123 w 5553123"/>
              <a:gd name="connsiteY48" fmla="*/ 837402 h 3128654"/>
              <a:gd name="connsiteX49" fmla="*/ 5553123 w 5553123"/>
              <a:gd name="connsiteY49" fmla="*/ 1152113 h 3128654"/>
              <a:gd name="connsiteX50" fmla="*/ 5025544 w 5553123"/>
              <a:gd name="connsiteY50" fmla="*/ 1152113 h 3128654"/>
              <a:gd name="connsiteX51" fmla="*/ 5025544 w 5553123"/>
              <a:gd name="connsiteY51" fmla="*/ 2291528 h 3128654"/>
              <a:gd name="connsiteX52" fmla="*/ 4640802 w 5553123"/>
              <a:gd name="connsiteY52" fmla="*/ 2291528 h 3128654"/>
              <a:gd name="connsiteX53" fmla="*/ 4640802 w 5553123"/>
              <a:gd name="connsiteY53" fmla="*/ 1152113 h 3128654"/>
              <a:gd name="connsiteX54" fmla="*/ 4423612 w 5553123"/>
              <a:gd name="connsiteY54" fmla="*/ 1152113 h 3128654"/>
              <a:gd name="connsiteX55" fmla="*/ 4423612 w 5553123"/>
              <a:gd name="connsiteY55" fmla="*/ 837402 h 3128654"/>
              <a:gd name="connsiteX56" fmla="*/ 4640802 w 5553123"/>
              <a:gd name="connsiteY56" fmla="*/ 837402 h 3128654"/>
              <a:gd name="connsiteX57" fmla="*/ 4640802 w 5553123"/>
              <a:gd name="connsiteY57" fmla="*/ 580004 h 3128654"/>
              <a:gd name="connsiteX58" fmla="*/ 5214998 w 5553123"/>
              <a:gd name="connsiteY58" fmla="*/ 0 h 31286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5553123" h="3128654">
                <a:moveTo>
                  <a:pt x="3991223" y="1407246"/>
                </a:moveTo>
                <a:lnTo>
                  <a:pt x="3430346" y="1968030"/>
                </a:lnTo>
                <a:cubicBezTo>
                  <a:pt x="3483553" y="1989213"/>
                  <a:pt x="3540297" y="2000023"/>
                  <a:pt x="3597555" y="1999879"/>
                </a:cubicBezTo>
                <a:cubicBezTo>
                  <a:pt x="3819070" y="1999879"/>
                  <a:pt x="4017277" y="1836826"/>
                  <a:pt x="4017277" y="1565700"/>
                </a:cubicBezTo>
                <a:lnTo>
                  <a:pt x="4017243" y="1565803"/>
                </a:lnTo>
                <a:cubicBezTo>
                  <a:pt x="4017518" y="1511866"/>
                  <a:pt x="4008729" y="1458269"/>
                  <a:pt x="3991223" y="1407246"/>
                </a:cubicBezTo>
                <a:close/>
                <a:moveTo>
                  <a:pt x="3597692" y="1131487"/>
                </a:moveTo>
                <a:cubicBezTo>
                  <a:pt x="3370204" y="1131487"/>
                  <a:pt x="3172031" y="1294574"/>
                  <a:pt x="3172031" y="1565700"/>
                </a:cubicBezTo>
                <a:lnTo>
                  <a:pt x="3171997" y="1565803"/>
                </a:lnTo>
                <a:cubicBezTo>
                  <a:pt x="3171757" y="1618927"/>
                  <a:pt x="3180304" y="1671724"/>
                  <a:pt x="3197296" y="1722061"/>
                </a:cubicBezTo>
                <a:lnTo>
                  <a:pt x="3757830" y="1161723"/>
                </a:lnTo>
                <a:cubicBezTo>
                  <a:pt x="3706819" y="1141649"/>
                  <a:pt x="3652513" y="1131391"/>
                  <a:pt x="3597692" y="1131487"/>
                </a:cubicBezTo>
                <a:close/>
                <a:moveTo>
                  <a:pt x="2205438" y="837298"/>
                </a:moveTo>
                <a:lnTo>
                  <a:pt x="2590180" y="837298"/>
                </a:lnTo>
                <a:lnTo>
                  <a:pt x="2590180" y="2548651"/>
                </a:lnTo>
                <a:cubicBezTo>
                  <a:pt x="2590180" y="2895520"/>
                  <a:pt x="2359911" y="3128654"/>
                  <a:pt x="2015984" y="3128654"/>
                </a:cubicBezTo>
                <a:cubicBezTo>
                  <a:pt x="1922717" y="3128654"/>
                  <a:pt x="1838202" y="3111014"/>
                  <a:pt x="1756572" y="3073262"/>
                </a:cubicBezTo>
                <a:lnTo>
                  <a:pt x="1844038" y="2761571"/>
                </a:lnTo>
                <a:cubicBezTo>
                  <a:pt x="1896456" y="2779074"/>
                  <a:pt x="1948909" y="2787791"/>
                  <a:pt x="1989724" y="2787791"/>
                </a:cubicBezTo>
                <a:cubicBezTo>
                  <a:pt x="2118006" y="2787791"/>
                  <a:pt x="2205438" y="2691627"/>
                  <a:pt x="2205438" y="2548857"/>
                </a:cubicBezTo>
                <a:close/>
                <a:moveTo>
                  <a:pt x="4139105" y="780499"/>
                </a:moveTo>
                <a:lnTo>
                  <a:pt x="4378642" y="1020017"/>
                </a:lnTo>
                <a:lnTo>
                  <a:pt x="4263474" y="1135365"/>
                </a:lnTo>
                <a:cubicBezTo>
                  <a:pt x="4343457" y="1255038"/>
                  <a:pt x="4390485" y="1401034"/>
                  <a:pt x="4390485" y="1565769"/>
                </a:cubicBezTo>
                <a:cubicBezTo>
                  <a:pt x="4390485" y="2023285"/>
                  <a:pt x="4028880" y="2335080"/>
                  <a:pt x="3597520" y="2335080"/>
                </a:cubicBezTo>
                <a:cubicBezTo>
                  <a:pt x="3442429" y="2335080"/>
                  <a:pt x="3296983" y="2295681"/>
                  <a:pt x="3173748" y="2224604"/>
                </a:cubicBezTo>
                <a:lnTo>
                  <a:pt x="3050169" y="2348155"/>
                </a:lnTo>
                <a:lnTo>
                  <a:pt x="2810563" y="2108707"/>
                </a:lnTo>
                <a:lnTo>
                  <a:pt x="2925320" y="1993976"/>
                </a:lnTo>
                <a:cubicBezTo>
                  <a:pt x="2845543" y="1875058"/>
                  <a:pt x="2798892" y="1729886"/>
                  <a:pt x="2798892" y="1565838"/>
                </a:cubicBezTo>
                <a:cubicBezTo>
                  <a:pt x="2798892" y="1108390"/>
                  <a:pt x="3160291" y="793644"/>
                  <a:pt x="3597486" y="793644"/>
                </a:cubicBezTo>
                <a:cubicBezTo>
                  <a:pt x="3749866" y="793644"/>
                  <a:pt x="3893424" y="833077"/>
                  <a:pt x="4015526" y="904050"/>
                </a:cubicBezTo>
                <a:close/>
                <a:moveTo>
                  <a:pt x="396379" y="435140"/>
                </a:moveTo>
                <a:lnTo>
                  <a:pt x="396379" y="1932956"/>
                </a:lnTo>
                <a:lnTo>
                  <a:pt x="846344" y="1932956"/>
                </a:lnTo>
                <a:cubicBezTo>
                  <a:pt x="1298059" y="1932956"/>
                  <a:pt x="1601274" y="1632830"/>
                  <a:pt x="1601274" y="1184065"/>
                </a:cubicBezTo>
                <a:cubicBezTo>
                  <a:pt x="1601274" y="735300"/>
                  <a:pt x="1298128" y="435140"/>
                  <a:pt x="846344" y="435140"/>
                </a:cubicBezTo>
                <a:close/>
                <a:moveTo>
                  <a:pt x="0" y="76739"/>
                </a:moveTo>
                <a:lnTo>
                  <a:pt x="820049" y="76739"/>
                </a:lnTo>
                <a:cubicBezTo>
                  <a:pt x="1528328" y="76739"/>
                  <a:pt x="2000502" y="519670"/>
                  <a:pt x="2000502" y="1184065"/>
                </a:cubicBezTo>
                <a:cubicBezTo>
                  <a:pt x="2000502" y="1848460"/>
                  <a:pt x="1528328" y="2291391"/>
                  <a:pt x="820049" y="2291391"/>
                </a:cubicBezTo>
                <a:lnTo>
                  <a:pt x="0" y="2291391"/>
                </a:lnTo>
                <a:close/>
                <a:moveTo>
                  <a:pt x="5214998" y="0"/>
                </a:moveTo>
                <a:cubicBezTo>
                  <a:pt x="5308265" y="0"/>
                  <a:pt x="5392780" y="17641"/>
                  <a:pt x="5474410" y="55393"/>
                </a:cubicBezTo>
                <a:lnTo>
                  <a:pt x="5386944" y="367187"/>
                </a:lnTo>
                <a:cubicBezTo>
                  <a:pt x="5334526" y="349684"/>
                  <a:pt x="5282074" y="340932"/>
                  <a:pt x="5241258" y="340932"/>
                </a:cubicBezTo>
                <a:cubicBezTo>
                  <a:pt x="5112976" y="340932"/>
                  <a:pt x="5025544" y="437131"/>
                  <a:pt x="5025544" y="579901"/>
                </a:cubicBezTo>
                <a:lnTo>
                  <a:pt x="5025544" y="837299"/>
                </a:lnTo>
                <a:lnTo>
                  <a:pt x="5553123" y="837402"/>
                </a:lnTo>
                <a:lnTo>
                  <a:pt x="5553123" y="1152113"/>
                </a:lnTo>
                <a:lnTo>
                  <a:pt x="5025544" y="1152113"/>
                </a:lnTo>
                <a:lnTo>
                  <a:pt x="5025544" y="2291528"/>
                </a:lnTo>
                <a:lnTo>
                  <a:pt x="4640802" y="2291528"/>
                </a:lnTo>
                <a:lnTo>
                  <a:pt x="4640802" y="1152113"/>
                </a:lnTo>
                <a:lnTo>
                  <a:pt x="4423612" y="1152113"/>
                </a:lnTo>
                <a:lnTo>
                  <a:pt x="4423612" y="837402"/>
                </a:lnTo>
                <a:lnTo>
                  <a:pt x="4640802" y="837402"/>
                </a:lnTo>
                <a:lnTo>
                  <a:pt x="4640802" y="580004"/>
                </a:lnTo>
                <a:cubicBezTo>
                  <a:pt x="4640802" y="233134"/>
                  <a:pt x="4871070" y="0"/>
                  <a:pt x="5214998" y="0"/>
                </a:cubicBezTo>
                <a:close/>
              </a:path>
            </a:pathLst>
          </a:custGeom>
          <a:solidFill>
            <a:srgbClr val="FFFFFF"/>
          </a:solidFill>
          <a:ln w="3432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sp>
        <p:nvSpPr>
          <p:cNvPr id="7" name="Pladsholder til billede 6"/>
          <p:cNvSpPr>
            <a:spLocks noGrp="1"/>
          </p:cNvSpPr>
          <p:nvPr>
            <p:ph type="pic" sz="quarter" idx="13"/>
          </p:nvPr>
        </p:nvSpPr>
        <p:spPr>
          <a:xfrm>
            <a:off x="1" y="0"/>
            <a:ext cx="6858675" cy="12192000"/>
          </a:xfrm>
          <a:custGeom>
            <a:avLst/>
            <a:gdLst>
              <a:gd name="connsiteX0" fmla="*/ 12193200 w 12193200"/>
              <a:gd name="connsiteY0" fmla="*/ 5143500 h 6858000"/>
              <a:gd name="connsiteX1" fmla="*/ 12193200 w 12193200"/>
              <a:gd name="connsiteY1" fmla="*/ 6858000 h 6858000"/>
              <a:gd name="connsiteX2" fmla="*/ 10478700 w 12193200"/>
              <a:gd name="connsiteY2" fmla="*/ 6858000 h 6858000"/>
              <a:gd name="connsiteX3" fmla="*/ 12193200 w 12193200"/>
              <a:gd name="connsiteY3" fmla="*/ 5143500 h 6858000"/>
              <a:gd name="connsiteX4" fmla="*/ 10478700 w 12193200"/>
              <a:gd name="connsiteY4" fmla="*/ 3429000 h 6858000"/>
              <a:gd name="connsiteX5" fmla="*/ 12193200 w 12193200"/>
              <a:gd name="connsiteY5" fmla="*/ 3429000 h 6858000"/>
              <a:gd name="connsiteX6" fmla="*/ 12193200 w 12193200"/>
              <a:gd name="connsiteY6" fmla="*/ 5143500 h 6858000"/>
              <a:gd name="connsiteX7" fmla="*/ 10478700 w 12193200"/>
              <a:gd name="connsiteY7" fmla="*/ 3429000 h 6858000"/>
              <a:gd name="connsiteX8" fmla="*/ 0 w 12193200"/>
              <a:gd name="connsiteY8" fmla="*/ 0 h 6858000"/>
              <a:gd name="connsiteX9" fmla="*/ 8764200 w 12193200"/>
              <a:gd name="connsiteY9" fmla="*/ 0 h 6858000"/>
              <a:gd name="connsiteX10" fmla="*/ 8764200 w 12193200"/>
              <a:gd name="connsiteY10" fmla="*/ 3429000 h 6858000"/>
              <a:gd name="connsiteX11" fmla="*/ 10478700 w 12193200"/>
              <a:gd name="connsiteY11" fmla="*/ 3429000 h 6858000"/>
              <a:gd name="connsiteX12" fmla="*/ 8764200 w 12193200"/>
              <a:gd name="connsiteY12" fmla="*/ 5143500 h 6858000"/>
              <a:gd name="connsiteX13" fmla="*/ 10478700 w 12193200"/>
              <a:gd name="connsiteY13" fmla="*/ 6858000 h 6858000"/>
              <a:gd name="connsiteX14" fmla="*/ 0 w 12193200"/>
              <a:gd name="connsiteY14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</a:cxnLst>
            <a:rect l="l" t="t" r="r" b="b"/>
            <a:pathLst>
              <a:path w="12193200" h="6858000">
                <a:moveTo>
                  <a:pt x="12193200" y="5143500"/>
                </a:moveTo>
                <a:lnTo>
                  <a:pt x="12193200" y="6858000"/>
                </a:lnTo>
                <a:lnTo>
                  <a:pt x="10478700" y="6858000"/>
                </a:lnTo>
                <a:cubicBezTo>
                  <a:pt x="11425592" y="6858000"/>
                  <a:pt x="12193200" y="6090392"/>
                  <a:pt x="12193200" y="5143500"/>
                </a:cubicBezTo>
                <a:close/>
                <a:moveTo>
                  <a:pt x="10478700" y="3429000"/>
                </a:moveTo>
                <a:lnTo>
                  <a:pt x="12193200" y="3429000"/>
                </a:lnTo>
                <a:lnTo>
                  <a:pt x="12193200" y="5143500"/>
                </a:lnTo>
                <a:cubicBezTo>
                  <a:pt x="12193200" y="4196608"/>
                  <a:pt x="11425592" y="3429000"/>
                  <a:pt x="10478700" y="3429000"/>
                </a:cubicBezTo>
                <a:close/>
                <a:moveTo>
                  <a:pt x="0" y="0"/>
                </a:moveTo>
                <a:lnTo>
                  <a:pt x="8764200" y="0"/>
                </a:lnTo>
                <a:lnTo>
                  <a:pt x="8764200" y="3429000"/>
                </a:lnTo>
                <a:lnTo>
                  <a:pt x="10478700" y="3429000"/>
                </a:lnTo>
                <a:cubicBezTo>
                  <a:pt x="9531808" y="3429000"/>
                  <a:pt x="8764200" y="4196608"/>
                  <a:pt x="8764200" y="5143500"/>
                </a:cubicBezTo>
                <a:cubicBezTo>
                  <a:pt x="8764200" y="6090392"/>
                  <a:pt x="9531808" y="6858000"/>
                  <a:pt x="10478700" y="6858000"/>
                </a:cubicBezTo>
                <a:lnTo>
                  <a:pt x="0" y="6858000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lIns="540000" tIns="108000"/>
          <a:lstStyle>
            <a:lvl1pPr marL="0" indent="0" algn="l">
              <a:buNone/>
              <a:defRPr sz="788"/>
            </a:lvl1pPr>
          </a:lstStyle>
          <a:p>
            <a:pPr lvl="0"/>
            <a:r>
              <a:rPr lang="da-DK" noProof="0"/>
              <a:t>Klik på ikonet for at tilføje et billede</a:t>
            </a:r>
            <a:endParaRPr lang="da-DK" noProof="0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 bwMode="white">
          <a:xfrm>
            <a:off x="303751" y="637822"/>
            <a:ext cx="4099479" cy="320000"/>
          </a:xfrm>
        </p:spPr>
        <p:txBody>
          <a:bodyPr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506">
                <a:solidFill>
                  <a:schemeClr val="bg1"/>
                </a:solidFill>
              </a:defRPr>
            </a:lvl1pPr>
            <a:lvl2pPr marL="0" indent="0" algn="l">
              <a:buFont typeface="Arial" panose="020B0604020202020204" pitchFamily="34" charset="0"/>
              <a:buChar char="​"/>
              <a:defRPr sz="1125"/>
            </a:lvl2pPr>
            <a:lvl3pPr marL="0" indent="0" algn="l">
              <a:buFont typeface="Arial" panose="020B0604020202020204" pitchFamily="34" charset="0"/>
              <a:buChar char="​"/>
              <a:defRPr sz="1125"/>
            </a:lvl3pPr>
            <a:lvl4pPr marL="0" indent="0" algn="l">
              <a:buFont typeface="Arial" panose="020B0604020202020204" pitchFamily="34" charset="0"/>
              <a:buChar char="​"/>
              <a:defRPr sz="1125"/>
            </a:lvl4pPr>
            <a:lvl5pPr marL="0" indent="0" algn="l">
              <a:buFont typeface="Arial" panose="020B0604020202020204" pitchFamily="34" charset="0"/>
              <a:buChar char="​"/>
              <a:defRPr sz="1125"/>
            </a:lvl5pPr>
            <a:lvl6pPr marL="0" indent="0" algn="l">
              <a:buFont typeface="Arial" panose="020B0604020202020204" pitchFamily="34" charset="0"/>
              <a:buChar char="​"/>
              <a:defRPr sz="1125"/>
            </a:lvl6pPr>
            <a:lvl7pPr marL="0" indent="0" algn="l">
              <a:buFont typeface="Arial" panose="020B0604020202020204" pitchFamily="34" charset="0"/>
              <a:buChar char="​"/>
              <a:defRPr sz="1125"/>
            </a:lvl7pPr>
            <a:lvl8pPr marL="0" indent="0" algn="l">
              <a:buFont typeface="Arial" panose="020B0604020202020204" pitchFamily="34" charset="0"/>
              <a:buChar char="​"/>
              <a:defRPr sz="1125"/>
            </a:lvl8pPr>
            <a:lvl9pPr marL="0" indent="0" algn="l">
              <a:buFont typeface="Arial" panose="020B0604020202020204" pitchFamily="34" charset="0"/>
              <a:buChar char="​"/>
              <a:defRPr sz="1125"/>
            </a:lvl9pPr>
          </a:lstStyle>
          <a:p>
            <a:r>
              <a:rPr lang="da-DK"/>
              <a:t>Klik for at redigere undertiteltypografien i masteren</a:t>
            </a:r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 bwMode="white">
          <a:xfrm>
            <a:off x="303610" y="3812823"/>
            <a:ext cx="4099621" cy="4442677"/>
          </a:xfrm>
        </p:spPr>
        <p:txBody>
          <a:bodyPr anchor="ctr"/>
          <a:lstStyle>
            <a:lvl1pPr algn="l">
              <a:defRPr sz="3038"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8" name="Date Placeholder 4">
            <a:extLst>
              <a:ext uri="{FF2B5EF4-FFF2-40B4-BE49-F238E27FC236}">
                <a16:creationId xmlns:a16="http://schemas.microsoft.com/office/drawing/2014/main" id="{84BEDBFF-4743-4DE1-C07C-506162EB8359}"/>
              </a:ext>
            </a:extLst>
          </p:cNvPr>
          <p:cNvSpPr>
            <a:spLocks noGrp="1"/>
          </p:cNvSpPr>
          <p:nvPr>
            <p:ph type="dt" sz="half" idx="14"/>
          </p:nvPr>
        </p:nvSpPr>
        <p:spPr bwMode="white">
          <a:xfrm>
            <a:off x="303213" y="11231563"/>
            <a:ext cx="873125" cy="319087"/>
          </a:xfrm>
        </p:spPr>
        <p:txBody>
          <a:bodyPr anchor="b"/>
          <a:lstStyle>
            <a:lvl1pPr>
              <a:defRPr sz="506" smtClean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1FA93079-0D8E-4077-B0C5-B4365421EAF0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9" name="Footer Placeholder 5">
            <a:extLst>
              <a:ext uri="{FF2B5EF4-FFF2-40B4-BE49-F238E27FC236}">
                <a16:creationId xmlns:a16="http://schemas.microsoft.com/office/drawing/2014/main" id="{3BA5CA35-CE97-500A-7097-CF11D496AC0A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 bwMode="white">
          <a:xfrm>
            <a:off x="1379538" y="11231563"/>
            <a:ext cx="3024187" cy="319087"/>
          </a:xfrm>
        </p:spPr>
        <p:txBody>
          <a:bodyPr anchor="b"/>
          <a:lstStyle>
            <a:lvl1pPr>
              <a:defRPr sz="506" dirty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10" name="Slide Number Placeholder 14" hidden="1">
            <a:extLst>
              <a:ext uri="{FF2B5EF4-FFF2-40B4-BE49-F238E27FC236}">
                <a16:creationId xmlns:a16="http://schemas.microsoft.com/office/drawing/2014/main" id="{9540C4EB-4708-F06D-6CBD-E70E6B591DCA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>
          <a:xfrm>
            <a:off x="0" y="12192000"/>
            <a:ext cx="0" cy="0"/>
          </a:xfrm>
        </p:spPr>
        <p:txBody>
          <a:bodyPr/>
          <a:lstStyle>
            <a:lvl1pPr>
              <a:defRPr smtClean="0">
                <a:noFill/>
              </a:defRPr>
            </a:lvl1pPr>
          </a:lstStyle>
          <a:p>
            <a:pPr>
              <a:defRPr/>
            </a:pPr>
            <a:fld id="{3CBC8B9B-E6D3-4B50-BAC1-AA6A79670E7C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875746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A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ggrund">
            <a:extLst>
              <a:ext uri="{FF2B5EF4-FFF2-40B4-BE49-F238E27FC236}">
                <a16:creationId xmlns:a16="http://schemas.microsoft.com/office/drawing/2014/main" id="{1AAD504C-2AE3-BA80-CDEA-571CE697A4E6}"/>
              </a:ext>
            </a:extLst>
          </p:cNvPr>
          <p:cNvSpPr/>
          <p:nvPr userDrawn="1"/>
        </p:nvSpPr>
        <p:spPr bwMode="ltGray">
          <a:xfrm>
            <a:off x="0" y="0"/>
            <a:ext cx="6858000" cy="12192000"/>
          </a:xfrm>
          <a:custGeom>
            <a:avLst/>
            <a:gdLst>
              <a:gd name="connsiteX0" fmla="*/ 0 w 10572750"/>
              <a:gd name="connsiteY0" fmla="*/ 0 h 10287000"/>
              <a:gd name="connsiteX1" fmla="*/ 10572750 w 10572750"/>
              <a:gd name="connsiteY1" fmla="*/ 0 h 10287000"/>
              <a:gd name="connsiteX2" fmla="*/ 10572750 w 10572750"/>
              <a:gd name="connsiteY2" fmla="*/ 10287000 h 10287000"/>
              <a:gd name="connsiteX3" fmla="*/ 0 w 10572750"/>
              <a:gd name="connsiteY3" fmla="*/ 10287000 h 10287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572750" h="10287000">
                <a:moveTo>
                  <a:pt x="0" y="0"/>
                </a:moveTo>
                <a:lnTo>
                  <a:pt x="10572750" y="0"/>
                </a:lnTo>
                <a:lnTo>
                  <a:pt x="10572750" y="10287000"/>
                </a:lnTo>
                <a:lnTo>
                  <a:pt x="0" y="10287000"/>
                </a:lnTo>
                <a:close/>
              </a:path>
            </a:pathLst>
          </a:custGeom>
          <a:solidFill>
            <a:schemeClr val="accent1"/>
          </a:solidFill>
          <a:ln w="9525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sp>
        <p:nvSpPr>
          <p:cNvPr id="4" name="Logo">
            <a:extLst>
              <a:ext uri="{FF2B5EF4-FFF2-40B4-BE49-F238E27FC236}">
                <a16:creationId xmlns:a16="http://schemas.microsoft.com/office/drawing/2014/main" id="{900C5302-2CA8-4E3A-EE7D-CFF1CFC4F267}"/>
              </a:ext>
            </a:extLst>
          </p:cNvPr>
          <p:cNvSpPr/>
          <p:nvPr userDrawn="1"/>
        </p:nvSpPr>
        <p:spPr bwMode="white">
          <a:xfrm>
            <a:off x="6197600" y="639763"/>
            <a:ext cx="355600" cy="635000"/>
          </a:xfrm>
          <a:custGeom>
            <a:avLst/>
            <a:gdLst>
              <a:gd name="connsiteX0" fmla="*/ 3991223 w 5553123"/>
              <a:gd name="connsiteY0" fmla="*/ 1407246 h 3128654"/>
              <a:gd name="connsiteX1" fmla="*/ 3430346 w 5553123"/>
              <a:gd name="connsiteY1" fmla="*/ 1968030 h 3128654"/>
              <a:gd name="connsiteX2" fmla="*/ 3597555 w 5553123"/>
              <a:gd name="connsiteY2" fmla="*/ 1999879 h 3128654"/>
              <a:gd name="connsiteX3" fmla="*/ 4017277 w 5553123"/>
              <a:gd name="connsiteY3" fmla="*/ 1565700 h 3128654"/>
              <a:gd name="connsiteX4" fmla="*/ 4017243 w 5553123"/>
              <a:gd name="connsiteY4" fmla="*/ 1565803 h 3128654"/>
              <a:gd name="connsiteX5" fmla="*/ 3991223 w 5553123"/>
              <a:gd name="connsiteY5" fmla="*/ 1407246 h 3128654"/>
              <a:gd name="connsiteX6" fmla="*/ 3597692 w 5553123"/>
              <a:gd name="connsiteY6" fmla="*/ 1131487 h 3128654"/>
              <a:gd name="connsiteX7" fmla="*/ 3172031 w 5553123"/>
              <a:gd name="connsiteY7" fmla="*/ 1565700 h 3128654"/>
              <a:gd name="connsiteX8" fmla="*/ 3171997 w 5553123"/>
              <a:gd name="connsiteY8" fmla="*/ 1565803 h 3128654"/>
              <a:gd name="connsiteX9" fmla="*/ 3197296 w 5553123"/>
              <a:gd name="connsiteY9" fmla="*/ 1722061 h 3128654"/>
              <a:gd name="connsiteX10" fmla="*/ 3757830 w 5553123"/>
              <a:gd name="connsiteY10" fmla="*/ 1161723 h 3128654"/>
              <a:gd name="connsiteX11" fmla="*/ 3597692 w 5553123"/>
              <a:gd name="connsiteY11" fmla="*/ 1131487 h 3128654"/>
              <a:gd name="connsiteX12" fmla="*/ 2205438 w 5553123"/>
              <a:gd name="connsiteY12" fmla="*/ 837298 h 3128654"/>
              <a:gd name="connsiteX13" fmla="*/ 2590180 w 5553123"/>
              <a:gd name="connsiteY13" fmla="*/ 837298 h 3128654"/>
              <a:gd name="connsiteX14" fmla="*/ 2590180 w 5553123"/>
              <a:gd name="connsiteY14" fmla="*/ 2548651 h 3128654"/>
              <a:gd name="connsiteX15" fmla="*/ 2015984 w 5553123"/>
              <a:gd name="connsiteY15" fmla="*/ 3128654 h 3128654"/>
              <a:gd name="connsiteX16" fmla="*/ 1756572 w 5553123"/>
              <a:gd name="connsiteY16" fmla="*/ 3073262 h 3128654"/>
              <a:gd name="connsiteX17" fmla="*/ 1844038 w 5553123"/>
              <a:gd name="connsiteY17" fmla="*/ 2761571 h 3128654"/>
              <a:gd name="connsiteX18" fmla="*/ 1989724 w 5553123"/>
              <a:gd name="connsiteY18" fmla="*/ 2787791 h 3128654"/>
              <a:gd name="connsiteX19" fmla="*/ 2205438 w 5553123"/>
              <a:gd name="connsiteY19" fmla="*/ 2548857 h 3128654"/>
              <a:gd name="connsiteX20" fmla="*/ 4139105 w 5553123"/>
              <a:gd name="connsiteY20" fmla="*/ 780499 h 3128654"/>
              <a:gd name="connsiteX21" fmla="*/ 4378642 w 5553123"/>
              <a:gd name="connsiteY21" fmla="*/ 1020017 h 3128654"/>
              <a:gd name="connsiteX22" fmla="*/ 4263474 w 5553123"/>
              <a:gd name="connsiteY22" fmla="*/ 1135365 h 3128654"/>
              <a:gd name="connsiteX23" fmla="*/ 4390485 w 5553123"/>
              <a:gd name="connsiteY23" fmla="*/ 1565769 h 3128654"/>
              <a:gd name="connsiteX24" fmla="*/ 3597520 w 5553123"/>
              <a:gd name="connsiteY24" fmla="*/ 2335080 h 3128654"/>
              <a:gd name="connsiteX25" fmla="*/ 3173748 w 5553123"/>
              <a:gd name="connsiteY25" fmla="*/ 2224604 h 3128654"/>
              <a:gd name="connsiteX26" fmla="*/ 3050169 w 5553123"/>
              <a:gd name="connsiteY26" fmla="*/ 2348155 h 3128654"/>
              <a:gd name="connsiteX27" fmla="*/ 2810563 w 5553123"/>
              <a:gd name="connsiteY27" fmla="*/ 2108707 h 3128654"/>
              <a:gd name="connsiteX28" fmla="*/ 2925320 w 5553123"/>
              <a:gd name="connsiteY28" fmla="*/ 1993976 h 3128654"/>
              <a:gd name="connsiteX29" fmla="*/ 2798892 w 5553123"/>
              <a:gd name="connsiteY29" fmla="*/ 1565838 h 3128654"/>
              <a:gd name="connsiteX30" fmla="*/ 3597486 w 5553123"/>
              <a:gd name="connsiteY30" fmla="*/ 793644 h 3128654"/>
              <a:gd name="connsiteX31" fmla="*/ 4015526 w 5553123"/>
              <a:gd name="connsiteY31" fmla="*/ 904050 h 3128654"/>
              <a:gd name="connsiteX32" fmla="*/ 396379 w 5553123"/>
              <a:gd name="connsiteY32" fmla="*/ 435140 h 3128654"/>
              <a:gd name="connsiteX33" fmla="*/ 396379 w 5553123"/>
              <a:gd name="connsiteY33" fmla="*/ 1932956 h 3128654"/>
              <a:gd name="connsiteX34" fmla="*/ 846344 w 5553123"/>
              <a:gd name="connsiteY34" fmla="*/ 1932956 h 3128654"/>
              <a:gd name="connsiteX35" fmla="*/ 1601274 w 5553123"/>
              <a:gd name="connsiteY35" fmla="*/ 1184065 h 3128654"/>
              <a:gd name="connsiteX36" fmla="*/ 846344 w 5553123"/>
              <a:gd name="connsiteY36" fmla="*/ 435140 h 3128654"/>
              <a:gd name="connsiteX37" fmla="*/ 0 w 5553123"/>
              <a:gd name="connsiteY37" fmla="*/ 76739 h 3128654"/>
              <a:gd name="connsiteX38" fmla="*/ 820049 w 5553123"/>
              <a:gd name="connsiteY38" fmla="*/ 76739 h 3128654"/>
              <a:gd name="connsiteX39" fmla="*/ 2000502 w 5553123"/>
              <a:gd name="connsiteY39" fmla="*/ 1184065 h 3128654"/>
              <a:gd name="connsiteX40" fmla="*/ 820049 w 5553123"/>
              <a:gd name="connsiteY40" fmla="*/ 2291391 h 3128654"/>
              <a:gd name="connsiteX41" fmla="*/ 0 w 5553123"/>
              <a:gd name="connsiteY41" fmla="*/ 2291391 h 3128654"/>
              <a:gd name="connsiteX42" fmla="*/ 5214998 w 5553123"/>
              <a:gd name="connsiteY42" fmla="*/ 0 h 3128654"/>
              <a:gd name="connsiteX43" fmla="*/ 5474410 w 5553123"/>
              <a:gd name="connsiteY43" fmla="*/ 55393 h 3128654"/>
              <a:gd name="connsiteX44" fmla="*/ 5386944 w 5553123"/>
              <a:gd name="connsiteY44" fmla="*/ 367187 h 3128654"/>
              <a:gd name="connsiteX45" fmla="*/ 5241258 w 5553123"/>
              <a:gd name="connsiteY45" fmla="*/ 340932 h 3128654"/>
              <a:gd name="connsiteX46" fmla="*/ 5025544 w 5553123"/>
              <a:gd name="connsiteY46" fmla="*/ 579901 h 3128654"/>
              <a:gd name="connsiteX47" fmla="*/ 5025544 w 5553123"/>
              <a:gd name="connsiteY47" fmla="*/ 837299 h 3128654"/>
              <a:gd name="connsiteX48" fmla="*/ 5553123 w 5553123"/>
              <a:gd name="connsiteY48" fmla="*/ 837402 h 3128654"/>
              <a:gd name="connsiteX49" fmla="*/ 5553123 w 5553123"/>
              <a:gd name="connsiteY49" fmla="*/ 1152113 h 3128654"/>
              <a:gd name="connsiteX50" fmla="*/ 5025544 w 5553123"/>
              <a:gd name="connsiteY50" fmla="*/ 1152113 h 3128654"/>
              <a:gd name="connsiteX51" fmla="*/ 5025544 w 5553123"/>
              <a:gd name="connsiteY51" fmla="*/ 2291528 h 3128654"/>
              <a:gd name="connsiteX52" fmla="*/ 4640802 w 5553123"/>
              <a:gd name="connsiteY52" fmla="*/ 2291528 h 3128654"/>
              <a:gd name="connsiteX53" fmla="*/ 4640802 w 5553123"/>
              <a:gd name="connsiteY53" fmla="*/ 1152113 h 3128654"/>
              <a:gd name="connsiteX54" fmla="*/ 4423612 w 5553123"/>
              <a:gd name="connsiteY54" fmla="*/ 1152113 h 3128654"/>
              <a:gd name="connsiteX55" fmla="*/ 4423612 w 5553123"/>
              <a:gd name="connsiteY55" fmla="*/ 837402 h 3128654"/>
              <a:gd name="connsiteX56" fmla="*/ 4640802 w 5553123"/>
              <a:gd name="connsiteY56" fmla="*/ 837402 h 3128654"/>
              <a:gd name="connsiteX57" fmla="*/ 4640802 w 5553123"/>
              <a:gd name="connsiteY57" fmla="*/ 580004 h 3128654"/>
              <a:gd name="connsiteX58" fmla="*/ 5214998 w 5553123"/>
              <a:gd name="connsiteY58" fmla="*/ 0 h 31286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5553123" h="3128654">
                <a:moveTo>
                  <a:pt x="3991223" y="1407246"/>
                </a:moveTo>
                <a:lnTo>
                  <a:pt x="3430346" y="1968030"/>
                </a:lnTo>
                <a:cubicBezTo>
                  <a:pt x="3483553" y="1989213"/>
                  <a:pt x="3540297" y="2000023"/>
                  <a:pt x="3597555" y="1999879"/>
                </a:cubicBezTo>
                <a:cubicBezTo>
                  <a:pt x="3819070" y="1999879"/>
                  <a:pt x="4017277" y="1836826"/>
                  <a:pt x="4017277" y="1565700"/>
                </a:cubicBezTo>
                <a:lnTo>
                  <a:pt x="4017243" y="1565803"/>
                </a:lnTo>
                <a:cubicBezTo>
                  <a:pt x="4017518" y="1511866"/>
                  <a:pt x="4008729" y="1458269"/>
                  <a:pt x="3991223" y="1407246"/>
                </a:cubicBezTo>
                <a:close/>
                <a:moveTo>
                  <a:pt x="3597692" y="1131487"/>
                </a:moveTo>
                <a:cubicBezTo>
                  <a:pt x="3370204" y="1131487"/>
                  <a:pt x="3172031" y="1294574"/>
                  <a:pt x="3172031" y="1565700"/>
                </a:cubicBezTo>
                <a:lnTo>
                  <a:pt x="3171997" y="1565803"/>
                </a:lnTo>
                <a:cubicBezTo>
                  <a:pt x="3171757" y="1618927"/>
                  <a:pt x="3180304" y="1671724"/>
                  <a:pt x="3197296" y="1722061"/>
                </a:cubicBezTo>
                <a:lnTo>
                  <a:pt x="3757830" y="1161723"/>
                </a:lnTo>
                <a:cubicBezTo>
                  <a:pt x="3706819" y="1141649"/>
                  <a:pt x="3652513" y="1131391"/>
                  <a:pt x="3597692" y="1131487"/>
                </a:cubicBezTo>
                <a:close/>
                <a:moveTo>
                  <a:pt x="2205438" y="837298"/>
                </a:moveTo>
                <a:lnTo>
                  <a:pt x="2590180" y="837298"/>
                </a:lnTo>
                <a:lnTo>
                  <a:pt x="2590180" y="2548651"/>
                </a:lnTo>
                <a:cubicBezTo>
                  <a:pt x="2590180" y="2895520"/>
                  <a:pt x="2359911" y="3128654"/>
                  <a:pt x="2015984" y="3128654"/>
                </a:cubicBezTo>
                <a:cubicBezTo>
                  <a:pt x="1922717" y="3128654"/>
                  <a:pt x="1838202" y="3111014"/>
                  <a:pt x="1756572" y="3073262"/>
                </a:cubicBezTo>
                <a:lnTo>
                  <a:pt x="1844038" y="2761571"/>
                </a:lnTo>
                <a:cubicBezTo>
                  <a:pt x="1896456" y="2779074"/>
                  <a:pt x="1948909" y="2787791"/>
                  <a:pt x="1989724" y="2787791"/>
                </a:cubicBezTo>
                <a:cubicBezTo>
                  <a:pt x="2118006" y="2787791"/>
                  <a:pt x="2205438" y="2691627"/>
                  <a:pt x="2205438" y="2548857"/>
                </a:cubicBezTo>
                <a:close/>
                <a:moveTo>
                  <a:pt x="4139105" y="780499"/>
                </a:moveTo>
                <a:lnTo>
                  <a:pt x="4378642" y="1020017"/>
                </a:lnTo>
                <a:lnTo>
                  <a:pt x="4263474" y="1135365"/>
                </a:lnTo>
                <a:cubicBezTo>
                  <a:pt x="4343457" y="1255038"/>
                  <a:pt x="4390485" y="1401034"/>
                  <a:pt x="4390485" y="1565769"/>
                </a:cubicBezTo>
                <a:cubicBezTo>
                  <a:pt x="4390485" y="2023285"/>
                  <a:pt x="4028880" y="2335080"/>
                  <a:pt x="3597520" y="2335080"/>
                </a:cubicBezTo>
                <a:cubicBezTo>
                  <a:pt x="3442429" y="2335080"/>
                  <a:pt x="3296983" y="2295681"/>
                  <a:pt x="3173748" y="2224604"/>
                </a:cubicBezTo>
                <a:lnTo>
                  <a:pt x="3050169" y="2348155"/>
                </a:lnTo>
                <a:lnTo>
                  <a:pt x="2810563" y="2108707"/>
                </a:lnTo>
                <a:lnTo>
                  <a:pt x="2925320" y="1993976"/>
                </a:lnTo>
                <a:cubicBezTo>
                  <a:pt x="2845543" y="1875058"/>
                  <a:pt x="2798892" y="1729886"/>
                  <a:pt x="2798892" y="1565838"/>
                </a:cubicBezTo>
                <a:cubicBezTo>
                  <a:pt x="2798892" y="1108390"/>
                  <a:pt x="3160291" y="793644"/>
                  <a:pt x="3597486" y="793644"/>
                </a:cubicBezTo>
                <a:cubicBezTo>
                  <a:pt x="3749866" y="793644"/>
                  <a:pt x="3893424" y="833077"/>
                  <a:pt x="4015526" y="904050"/>
                </a:cubicBezTo>
                <a:close/>
                <a:moveTo>
                  <a:pt x="396379" y="435140"/>
                </a:moveTo>
                <a:lnTo>
                  <a:pt x="396379" y="1932956"/>
                </a:lnTo>
                <a:lnTo>
                  <a:pt x="846344" y="1932956"/>
                </a:lnTo>
                <a:cubicBezTo>
                  <a:pt x="1298059" y="1932956"/>
                  <a:pt x="1601274" y="1632830"/>
                  <a:pt x="1601274" y="1184065"/>
                </a:cubicBezTo>
                <a:cubicBezTo>
                  <a:pt x="1601274" y="735300"/>
                  <a:pt x="1298128" y="435140"/>
                  <a:pt x="846344" y="435140"/>
                </a:cubicBezTo>
                <a:close/>
                <a:moveTo>
                  <a:pt x="0" y="76739"/>
                </a:moveTo>
                <a:lnTo>
                  <a:pt x="820049" y="76739"/>
                </a:lnTo>
                <a:cubicBezTo>
                  <a:pt x="1528328" y="76739"/>
                  <a:pt x="2000502" y="519670"/>
                  <a:pt x="2000502" y="1184065"/>
                </a:cubicBezTo>
                <a:cubicBezTo>
                  <a:pt x="2000502" y="1848460"/>
                  <a:pt x="1528328" y="2291391"/>
                  <a:pt x="820049" y="2291391"/>
                </a:cubicBezTo>
                <a:lnTo>
                  <a:pt x="0" y="2291391"/>
                </a:lnTo>
                <a:close/>
                <a:moveTo>
                  <a:pt x="5214998" y="0"/>
                </a:moveTo>
                <a:cubicBezTo>
                  <a:pt x="5308265" y="0"/>
                  <a:pt x="5392780" y="17641"/>
                  <a:pt x="5474410" y="55393"/>
                </a:cubicBezTo>
                <a:lnTo>
                  <a:pt x="5386944" y="367187"/>
                </a:lnTo>
                <a:cubicBezTo>
                  <a:pt x="5334526" y="349684"/>
                  <a:pt x="5282074" y="340932"/>
                  <a:pt x="5241258" y="340932"/>
                </a:cubicBezTo>
                <a:cubicBezTo>
                  <a:pt x="5112976" y="340932"/>
                  <a:pt x="5025544" y="437131"/>
                  <a:pt x="5025544" y="579901"/>
                </a:cubicBezTo>
                <a:lnTo>
                  <a:pt x="5025544" y="837299"/>
                </a:lnTo>
                <a:lnTo>
                  <a:pt x="5553123" y="837402"/>
                </a:lnTo>
                <a:lnTo>
                  <a:pt x="5553123" y="1152113"/>
                </a:lnTo>
                <a:lnTo>
                  <a:pt x="5025544" y="1152113"/>
                </a:lnTo>
                <a:lnTo>
                  <a:pt x="5025544" y="2291528"/>
                </a:lnTo>
                <a:lnTo>
                  <a:pt x="4640802" y="2291528"/>
                </a:lnTo>
                <a:lnTo>
                  <a:pt x="4640802" y="1152113"/>
                </a:lnTo>
                <a:lnTo>
                  <a:pt x="4423612" y="1152113"/>
                </a:lnTo>
                <a:lnTo>
                  <a:pt x="4423612" y="837402"/>
                </a:lnTo>
                <a:lnTo>
                  <a:pt x="4640802" y="837402"/>
                </a:lnTo>
                <a:lnTo>
                  <a:pt x="4640802" y="580004"/>
                </a:lnTo>
                <a:cubicBezTo>
                  <a:pt x="4640802" y="233134"/>
                  <a:pt x="4871070" y="0"/>
                  <a:pt x="5214998" y="0"/>
                </a:cubicBezTo>
                <a:close/>
              </a:path>
            </a:pathLst>
          </a:custGeom>
          <a:solidFill>
            <a:srgbClr val="FFFFFF"/>
          </a:solidFill>
          <a:ln w="3432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sp>
        <p:nvSpPr>
          <p:cNvPr id="5" name="Oval 10">
            <a:extLst>
              <a:ext uri="{FF2B5EF4-FFF2-40B4-BE49-F238E27FC236}">
                <a16:creationId xmlns:a16="http://schemas.microsoft.com/office/drawing/2014/main" id="{F285B9A5-2757-B39C-8086-846B8F72C761}"/>
              </a:ext>
            </a:extLst>
          </p:cNvPr>
          <p:cNvSpPr/>
          <p:nvPr userDrawn="1"/>
        </p:nvSpPr>
        <p:spPr>
          <a:xfrm>
            <a:off x="962025" y="9126538"/>
            <a:ext cx="971550" cy="3068637"/>
          </a:xfrm>
          <a:prstGeom prst="ellipse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20250" rIns="40500" bIns="2025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900" dirty="0"/>
          </a:p>
        </p:txBody>
      </p:sp>
      <p:sp>
        <p:nvSpPr>
          <p:cNvPr id="6" name="Oval 11">
            <a:extLst>
              <a:ext uri="{FF2B5EF4-FFF2-40B4-BE49-F238E27FC236}">
                <a16:creationId xmlns:a16="http://schemas.microsoft.com/office/drawing/2014/main" id="{5E1B06AD-A35B-02C6-6847-0540E0838512}"/>
              </a:ext>
            </a:extLst>
          </p:cNvPr>
          <p:cNvSpPr/>
          <p:nvPr userDrawn="1"/>
        </p:nvSpPr>
        <p:spPr>
          <a:xfrm>
            <a:off x="2894013" y="9123363"/>
            <a:ext cx="971550" cy="3068637"/>
          </a:xfrm>
          <a:prstGeom prst="ellipse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20250" rIns="40500" bIns="2025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900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 bwMode="white">
          <a:xfrm>
            <a:off x="1916312" y="3812821"/>
            <a:ext cx="3227189" cy="4448000"/>
          </a:xfrm>
        </p:spPr>
        <p:txBody>
          <a:bodyPr/>
          <a:lstStyle>
            <a:lvl1pPr algn="l">
              <a:defRPr sz="3038">
                <a:solidFill>
                  <a:schemeClr val="tx1"/>
                </a:solidFill>
              </a:defRPr>
            </a:lvl1pPr>
          </a:lstStyle>
          <a:p>
            <a:r>
              <a:rPr lang="da-DK" noProof="0"/>
              <a:t>Klik for at redigere titeltypografien i masteren</a:t>
            </a:r>
            <a:endParaRPr lang="da-DK" dirty="0"/>
          </a:p>
        </p:txBody>
      </p:sp>
      <p:sp>
        <p:nvSpPr>
          <p:cNvPr id="7" name="Date Placeholder 3">
            <a:extLst>
              <a:ext uri="{FF2B5EF4-FFF2-40B4-BE49-F238E27FC236}">
                <a16:creationId xmlns:a16="http://schemas.microsoft.com/office/drawing/2014/main" id="{9E3F6793-F45D-84C2-12CA-0745BEA54E87}"/>
              </a:ext>
            </a:extLst>
          </p:cNvPr>
          <p:cNvSpPr>
            <a:spLocks noGrp="1"/>
          </p:cNvSpPr>
          <p:nvPr>
            <p:ph type="dt" sz="half" idx="10"/>
          </p:nvPr>
        </p:nvSpPr>
        <p:spPr bwMode="white"/>
        <p:txBody>
          <a:bodyPr/>
          <a:lstStyle>
            <a:lvl1pPr>
              <a:defRPr/>
            </a:lvl1pPr>
          </a:lstStyle>
          <a:p>
            <a:pPr>
              <a:defRPr/>
            </a:pPr>
            <a:fld id="{82797063-BA61-4B87-9B0E-380C42A1C6E2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8" name="Footer Placeholder 4">
            <a:extLst>
              <a:ext uri="{FF2B5EF4-FFF2-40B4-BE49-F238E27FC236}">
                <a16:creationId xmlns:a16="http://schemas.microsoft.com/office/drawing/2014/main" id="{253107A0-6B21-F382-C695-867609A5BEA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 bwMode="white">
          <a:xfrm>
            <a:off x="1916113" y="639763"/>
            <a:ext cx="3227387" cy="32067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9" name="Slide Number Placeholder 5">
            <a:extLst>
              <a:ext uri="{FF2B5EF4-FFF2-40B4-BE49-F238E27FC236}">
                <a16:creationId xmlns:a16="http://schemas.microsoft.com/office/drawing/2014/main" id="{D640DFF7-D484-ED36-4269-87202C064E3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 bwMode="white"/>
        <p:txBody>
          <a:bodyPr/>
          <a:lstStyle>
            <a:lvl1pPr>
              <a:defRPr/>
            </a:lvl1pPr>
          </a:lstStyle>
          <a:p>
            <a:pPr>
              <a:defRPr/>
            </a:pPr>
            <a:fld id="{6AB450A2-FCB0-4167-B491-936E6869FDA6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4492595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B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ggrund">
            <a:extLst>
              <a:ext uri="{FF2B5EF4-FFF2-40B4-BE49-F238E27FC236}">
                <a16:creationId xmlns:a16="http://schemas.microsoft.com/office/drawing/2014/main" id="{19A2DF9F-B8F5-17A0-894D-45CD1A9187BF}"/>
              </a:ext>
            </a:extLst>
          </p:cNvPr>
          <p:cNvSpPr/>
          <p:nvPr userDrawn="1"/>
        </p:nvSpPr>
        <p:spPr>
          <a:xfrm>
            <a:off x="0" y="0"/>
            <a:ext cx="6858000" cy="12192000"/>
          </a:xfrm>
          <a:custGeom>
            <a:avLst/>
            <a:gdLst>
              <a:gd name="connsiteX0" fmla="*/ 0 w 10572750"/>
              <a:gd name="connsiteY0" fmla="*/ 0 h 10287000"/>
              <a:gd name="connsiteX1" fmla="*/ 10572750 w 10572750"/>
              <a:gd name="connsiteY1" fmla="*/ 0 h 10287000"/>
              <a:gd name="connsiteX2" fmla="*/ 10572750 w 10572750"/>
              <a:gd name="connsiteY2" fmla="*/ 10287000 h 10287000"/>
              <a:gd name="connsiteX3" fmla="*/ 0 w 10572750"/>
              <a:gd name="connsiteY3" fmla="*/ 10287000 h 10287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572750" h="10287000">
                <a:moveTo>
                  <a:pt x="0" y="0"/>
                </a:moveTo>
                <a:lnTo>
                  <a:pt x="10572750" y="0"/>
                </a:lnTo>
                <a:lnTo>
                  <a:pt x="10572750" y="10287000"/>
                </a:lnTo>
                <a:lnTo>
                  <a:pt x="0" y="10287000"/>
                </a:lnTo>
                <a:close/>
              </a:path>
            </a:pathLst>
          </a:custGeom>
          <a:solidFill>
            <a:schemeClr val="accent2"/>
          </a:solidFill>
          <a:ln w="9525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sp>
        <p:nvSpPr>
          <p:cNvPr id="4" name="Logo">
            <a:extLst>
              <a:ext uri="{FF2B5EF4-FFF2-40B4-BE49-F238E27FC236}">
                <a16:creationId xmlns:a16="http://schemas.microsoft.com/office/drawing/2014/main" id="{742764B9-7965-25EC-3485-F5B35B89EE27}"/>
              </a:ext>
            </a:extLst>
          </p:cNvPr>
          <p:cNvSpPr/>
          <p:nvPr userDrawn="1"/>
        </p:nvSpPr>
        <p:spPr bwMode="white">
          <a:xfrm>
            <a:off x="6197600" y="639763"/>
            <a:ext cx="355600" cy="635000"/>
          </a:xfrm>
          <a:custGeom>
            <a:avLst/>
            <a:gdLst>
              <a:gd name="connsiteX0" fmla="*/ 3991223 w 5553123"/>
              <a:gd name="connsiteY0" fmla="*/ 1407246 h 3128654"/>
              <a:gd name="connsiteX1" fmla="*/ 3430346 w 5553123"/>
              <a:gd name="connsiteY1" fmla="*/ 1968030 h 3128654"/>
              <a:gd name="connsiteX2" fmla="*/ 3597555 w 5553123"/>
              <a:gd name="connsiteY2" fmla="*/ 1999879 h 3128654"/>
              <a:gd name="connsiteX3" fmla="*/ 4017277 w 5553123"/>
              <a:gd name="connsiteY3" fmla="*/ 1565700 h 3128654"/>
              <a:gd name="connsiteX4" fmla="*/ 4017243 w 5553123"/>
              <a:gd name="connsiteY4" fmla="*/ 1565803 h 3128654"/>
              <a:gd name="connsiteX5" fmla="*/ 3991223 w 5553123"/>
              <a:gd name="connsiteY5" fmla="*/ 1407246 h 3128654"/>
              <a:gd name="connsiteX6" fmla="*/ 3597692 w 5553123"/>
              <a:gd name="connsiteY6" fmla="*/ 1131487 h 3128654"/>
              <a:gd name="connsiteX7" fmla="*/ 3172031 w 5553123"/>
              <a:gd name="connsiteY7" fmla="*/ 1565700 h 3128654"/>
              <a:gd name="connsiteX8" fmla="*/ 3171997 w 5553123"/>
              <a:gd name="connsiteY8" fmla="*/ 1565803 h 3128654"/>
              <a:gd name="connsiteX9" fmla="*/ 3197296 w 5553123"/>
              <a:gd name="connsiteY9" fmla="*/ 1722061 h 3128654"/>
              <a:gd name="connsiteX10" fmla="*/ 3757830 w 5553123"/>
              <a:gd name="connsiteY10" fmla="*/ 1161723 h 3128654"/>
              <a:gd name="connsiteX11" fmla="*/ 3597692 w 5553123"/>
              <a:gd name="connsiteY11" fmla="*/ 1131487 h 3128654"/>
              <a:gd name="connsiteX12" fmla="*/ 2205438 w 5553123"/>
              <a:gd name="connsiteY12" fmla="*/ 837298 h 3128654"/>
              <a:gd name="connsiteX13" fmla="*/ 2590180 w 5553123"/>
              <a:gd name="connsiteY13" fmla="*/ 837298 h 3128654"/>
              <a:gd name="connsiteX14" fmla="*/ 2590180 w 5553123"/>
              <a:gd name="connsiteY14" fmla="*/ 2548651 h 3128654"/>
              <a:gd name="connsiteX15" fmla="*/ 2015984 w 5553123"/>
              <a:gd name="connsiteY15" fmla="*/ 3128654 h 3128654"/>
              <a:gd name="connsiteX16" fmla="*/ 1756572 w 5553123"/>
              <a:gd name="connsiteY16" fmla="*/ 3073262 h 3128654"/>
              <a:gd name="connsiteX17" fmla="*/ 1844038 w 5553123"/>
              <a:gd name="connsiteY17" fmla="*/ 2761571 h 3128654"/>
              <a:gd name="connsiteX18" fmla="*/ 1989724 w 5553123"/>
              <a:gd name="connsiteY18" fmla="*/ 2787791 h 3128654"/>
              <a:gd name="connsiteX19" fmla="*/ 2205438 w 5553123"/>
              <a:gd name="connsiteY19" fmla="*/ 2548857 h 3128654"/>
              <a:gd name="connsiteX20" fmla="*/ 4139105 w 5553123"/>
              <a:gd name="connsiteY20" fmla="*/ 780499 h 3128654"/>
              <a:gd name="connsiteX21" fmla="*/ 4378642 w 5553123"/>
              <a:gd name="connsiteY21" fmla="*/ 1020017 h 3128654"/>
              <a:gd name="connsiteX22" fmla="*/ 4263474 w 5553123"/>
              <a:gd name="connsiteY22" fmla="*/ 1135365 h 3128654"/>
              <a:gd name="connsiteX23" fmla="*/ 4390485 w 5553123"/>
              <a:gd name="connsiteY23" fmla="*/ 1565769 h 3128654"/>
              <a:gd name="connsiteX24" fmla="*/ 3597520 w 5553123"/>
              <a:gd name="connsiteY24" fmla="*/ 2335080 h 3128654"/>
              <a:gd name="connsiteX25" fmla="*/ 3173748 w 5553123"/>
              <a:gd name="connsiteY25" fmla="*/ 2224604 h 3128654"/>
              <a:gd name="connsiteX26" fmla="*/ 3050169 w 5553123"/>
              <a:gd name="connsiteY26" fmla="*/ 2348155 h 3128654"/>
              <a:gd name="connsiteX27" fmla="*/ 2810563 w 5553123"/>
              <a:gd name="connsiteY27" fmla="*/ 2108707 h 3128654"/>
              <a:gd name="connsiteX28" fmla="*/ 2925320 w 5553123"/>
              <a:gd name="connsiteY28" fmla="*/ 1993976 h 3128654"/>
              <a:gd name="connsiteX29" fmla="*/ 2798892 w 5553123"/>
              <a:gd name="connsiteY29" fmla="*/ 1565838 h 3128654"/>
              <a:gd name="connsiteX30" fmla="*/ 3597486 w 5553123"/>
              <a:gd name="connsiteY30" fmla="*/ 793644 h 3128654"/>
              <a:gd name="connsiteX31" fmla="*/ 4015526 w 5553123"/>
              <a:gd name="connsiteY31" fmla="*/ 904050 h 3128654"/>
              <a:gd name="connsiteX32" fmla="*/ 396379 w 5553123"/>
              <a:gd name="connsiteY32" fmla="*/ 435140 h 3128654"/>
              <a:gd name="connsiteX33" fmla="*/ 396379 w 5553123"/>
              <a:gd name="connsiteY33" fmla="*/ 1932956 h 3128654"/>
              <a:gd name="connsiteX34" fmla="*/ 846344 w 5553123"/>
              <a:gd name="connsiteY34" fmla="*/ 1932956 h 3128654"/>
              <a:gd name="connsiteX35" fmla="*/ 1601274 w 5553123"/>
              <a:gd name="connsiteY35" fmla="*/ 1184065 h 3128654"/>
              <a:gd name="connsiteX36" fmla="*/ 846344 w 5553123"/>
              <a:gd name="connsiteY36" fmla="*/ 435140 h 3128654"/>
              <a:gd name="connsiteX37" fmla="*/ 0 w 5553123"/>
              <a:gd name="connsiteY37" fmla="*/ 76739 h 3128654"/>
              <a:gd name="connsiteX38" fmla="*/ 820049 w 5553123"/>
              <a:gd name="connsiteY38" fmla="*/ 76739 h 3128654"/>
              <a:gd name="connsiteX39" fmla="*/ 2000502 w 5553123"/>
              <a:gd name="connsiteY39" fmla="*/ 1184065 h 3128654"/>
              <a:gd name="connsiteX40" fmla="*/ 820049 w 5553123"/>
              <a:gd name="connsiteY40" fmla="*/ 2291391 h 3128654"/>
              <a:gd name="connsiteX41" fmla="*/ 0 w 5553123"/>
              <a:gd name="connsiteY41" fmla="*/ 2291391 h 3128654"/>
              <a:gd name="connsiteX42" fmla="*/ 5214998 w 5553123"/>
              <a:gd name="connsiteY42" fmla="*/ 0 h 3128654"/>
              <a:gd name="connsiteX43" fmla="*/ 5474410 w 5553123"/>
              <a:gd name="connsiteY43" fmla="*/ 55393 h 3128654"/>
              <a:gd name="connsiteX44" fmla="*/ 5386944 w 5553123"/>
              <a:gd name="connsiteY44" fmla="*/ 367187 h 3128654"/>
              <a:gd name="connsiteX45" fmla="*/ 5241258 w 5553123"/>
              <a:gd name="connsiteY45" fmla="*/ 340932 h 3128654"/>
              <a:gd name="connsiteX46" fmla="*/ 5025544 w 5553123"/>
              <a:gd name="connsiteY46" fmla="*/ 579901 h 3128654"/>
              <a:gd name="connsiteX47" fmla="*/ 5025544 w 5553123"/>
              <a:gd name="connsiteY47" fmla="*/ 837299 h 3128654"/>
              <a:gd name="connsiteX48" fmla="*/ 5553123 w 5553123"/>
              <a:gd name="connsiteY48" fmla="*/ 837402 h 3128654"/>
              <a:gd name="connsiteX49" fmla="*/ 5553123 w 5553123"/>
              <a:gd name="connsiteY49" fmla="*/ 1152113 h 3128654"/>
              <a:gd name="connsiteX50" fmla="*/ 5025544 w 5553123"/>
              <a:gd name="connsiteY50" fmla="*/ 1152113 h 3128654"/>
              <a:gd name="connsiteX51" fmla="*/ 5025544 w 5553123"/>
              <a:gd name="connsiteY51" fmla="*/ 2291528 h 3128654"/>
              <a:gd name="connsiteX52" fmla="*/ 4640802 w 5553123"/>
              <a:gd name="connsiteY52" fmla="*/ 2291528 h 3128654"/>
              <a:gd name="connsiteX53" fmla="*/ 4640802 w 5553123"/>
              <a:gd name="connsiteY53" fmla="*/ 1152113 h 3128654"/>
              <a:gd name="connsiteX54" fmla="*/ 4423612 w 5553123"/>
              <a:gd name="connsiteY54" fmla="*/ 1152113 h 3128654"/>
              <a:gd name="connsiteX55" fmla="*/ 4423612 w 5553123"/>
              <a:gd name="connsiteY55" fmla="*/ 837402 h 3128654"/>
              <a:gd name="connsiteX56" fmla="*/ 4640802 w 5553123"/>
              <a:gd name="connsiteY56" fmla="*/ 837402 h 3128654"/>
              <a:gd name="connsiteX57" fmla="*/ 4640802 w 5553123"/>
              <a:gd name="connsiteY57" fmla="*/ 580004 h 3128654"/>
              <a:gd name="connsiteX58" fmla="*/ 5214998 w 5553123"/>
              <a:gd name="connsiteY58" fmla="*/ 0 h 31286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5553123" h="3128654">
                <a:moveTo>
                  <a:pt x="3991223" y="1407246"/>
                </a:moveTo>
                <a:lnTo>
                  <a:pt x="3430346" y="1968030"/>
                </a:lnTo>
                <a:cubicBezTo>
                  <a:pt x="3483553" y="1989213"/>
                  <a:pt x="3540297" y="2000023"/>
                  <a:pt x="3597555" y="1999879"/>
                </a:cubicBezTo>
                <a:cubicBezTo>
                  <a:pt x="3819070" y="1999879"/>
                  <a:pt x="4017277" y="1836826"/>
                  <a:pt x="4017277" y="1565700"/>
                </a:cubicBezTo>
                <a:lnTo>
                  <a:pt x="4017243" y="1565803"/>
                </a:lnTo>
                <a:cubicBezTo>
                  <a:pt x="4017518" y="1511866"/>
                  <a:pt x="4008729" y="1458269"/>
                  <a:pt x="3991223" y="1407246"/>
                </a:cubicBezTo>
                <a:close/>
                <a:moveTo>
                  <a:pt x="3597692" y="1131487"/>
                </a:moveTo>
                <a:cubicBezTo>
                  <a:pt x="3370204" y="1131487"/>
                  <a:pt x="3172031" y="1294574"/>
                  <a:pt x="3172031" y="1565700"/>
                </a:cubicBezTo>
                <a:lnTo>
                  <a:pt x="3171997" y="1565803"/>
                </a:lnTo>
                <a:cubicBezTo>
                  <a:pt x="3171757" y="1618927"/>
                  <a:pt x="3180304" y="1671724"/>
                  <a:pt x="3197296" y="1722061"/>
                </a:cubicBezTo>
                <a:lnTo>
                  <a:pt x="3757830" y="1161723"/>
                </a:lnTo>
                <a:cubicBezTo>
                  <a:pt x="3706819" y="1141649"/>
                  <a:pt x="3652513" y="1131391"/>
                  <a:pt x="3597692" y="1131487"/>
                </a:cubicBezTo>
                <a:close/>
                <a:moveTo>
                  <a:pt x="2205438" y="837298"/>
                </a:moveTo>
                <a:lnTo>
                  <a:pt x="2590180" y="837298"/>
                </a:lnTo>
                <a:lnTo>
                  <a:pt x="2590180" y="2548651"/>
                </a:lnTo>
                <a:cubicBezTo>
                  <a:pt x="2590180" y="2895520"/>
                  <a:pt x="2359911" y="3128654"/>
                  <a:pt x="2015984" y="3128654"/>
                </a:cubicBezTo>
                <a:cubicBezTo>
                  <a:pt x="1922717" y="3128654"/>
                  <a:pt x="1838202" y="3111014"/>
                  <a:pt x="1756572" y="3073262"/>
                </a:cubicBezTo>
                <a:lnTo>
                  <a:pt x="1844038" y="2761571"/>
                </a:lnTo>
                <a:cubicBezTo>
                  <a:pt x="1896456" y="2779074"/>
                  <a:pt x="1948909" y="2787791"/>
                  <a:pt x="1989724" y="2787791"/>
                </a:cubicBezTo>
                <a:cubicBezTo>
                  <a:pt x="2118006" y="2787791"/>
                  <a:pt x="2205438" y="2691627"/>
                  <a:pt x="2205438" y="2548857"/>
                </a:cubicBezTo>
                <a:close/>
                <a:moveTo>
                  <a:pt x="4139105" y="780499"/>
                </a:moveTo>
                <a:lnTo>
                  <a:pt x="4378642" y="1020017"/>
                </a:lnTo>
                <a:lnTo>
                  <a:pt x="4263474" y="1135365"/>
                </a:lnTo>
                <a:cubicBezTo>
                  <a:pt x="4343457" y="1255038"/>
                  <a:pt x="4390485" y="1401034"/>
                  <a:pt x="4390485" y="1565769"/>
                </a:cubicBezTo>
                <a:cubicBezTo>
                  <a:pt x="4390485" y="2023285"/>
                  <a:pt x="4028880" y="2335080"/>
                  <a:pt x="3597520" y="2335080"/>
                </a:cubicBezTo>
                <a:cubicBezTo>
                  <a:pt x="3442429" y="2335080"/>
                  <a:pt x="3296983" y="2295681"/>
                  <a:pt x="3173748" y="2224604"/>
                </a:cubicBezTo>
                <a:lnTo>
                  <a:pt x="3050169" y="2348155"/>
                </a:lnTo>
                <a:lnTo>
                  <a:pt x="2810563" y="2108707"/>
                </a:lnTo>
                <a:lnTo>
                  <a:pt x="2925320" y="1993976"/>
                </a:lnTo>
                <a:cubicBezTo>
                  <a:pt x="2845543" y="1875058"/>
                  <a:pt x="2798892" y="1729886"/>
                  <a:pt x="2798892" y="1565838"/>
                </a:cubicBezTo>
                <a:cubicBezTo>
                  <a:pt x="2798892" y="1108390"/>
                  <a:pt x="3160291" y="793644"/>
                  <a:pt x="3597486" y="793644"/>
                </a:cubicBezTo>
                <a:cubicBezTo>
                  <a:pt x="3749866" y="793644"/>
                  <a:pt x="3893424" y="833077"/>
                  <a:pt x="4015526" y="904050"/>
                </a:cubicBezTo>
                <a:close/>
                <a:moveTo>
                  <a:pt x="396379" y="435140"/>
                </a:moveTo>
                <a:lnTo>
                  <a:pt x="396379" y="1932956"/>
                </a:lnTo>
                <a:lnTo>
                  <a:pt x="846344" y="1932956"/>
                </a:lnTo>
                <a:cubicBezTo>
                  <a:pt x="1298059" y="1932956"/>
                  <a:pt x="1601274" y="1632830"/>
                  <a:pt x="1601274" y="1184065"/>
                </a:cubicBezTo>
                <a:cubicBezTo>
                  <a:pt x="1601274" y="735300"/>
                  <a:pt x="1298128" y="435140"/>
                  <a:pt x="846344" y="435140"/>
                </a:cubicBezTo>
                <a:close/>
                <a:moveTo>
                  <a:pt x="0" y="76739"/>
                </a:moveTo>
                <a:lnTo>
                  <a:pt x="820049" y="76739"/>
                </a:lnTo>
                <a:cubicBezTo>
                  <a:pt x="1528328" y="76739"/>
                  <a:pt x="2000502" y="519670"/>
                  <a:pt x="2000502" y="1184065"/>
                </a:cubicBezTo>
                <a:cubicBezTo>
                  <a:pt x="2000502" y="1848460"/>
                  <a:pt x="1528328" y="2291391"/>
                  <a:pt x="820049" y="2291391"/>
                </a:cubicBezTo>
                <a:lnTo>
                  <a:pt x="0" y="2291391"/>
                </a:lnTo>
                <a:close/>
                <a:moveTo>
                  <a:pt x="5214998" y="0"/>
                </a:moveTo>
                <a:cubicBezTo>
                  <a:pt x="5308265" y="0"/>
                  <a:pt x="5392780" y="17641"/>
                  <a:pt x="5474410" y="55393"/>
                </a:cubicBezTo>
                <a:lnTo>
                  <a:pt x="5386944" y="367187"/>
                </a:lnTo>
                <a:cubicBezTo>
                  <a:pt x="5334526" y="349684"/>
                  <a:pt x="5282074" y="340932"/>
                  <a:pt x="5241258" y="340932"/>
                </a:cubicBezTo>
                <a:cubicBezTo>
                  <a:pt x="5112976" y="340932"/>
                  <a:pt x="5025544" y="437131"/>
                  <a:pt x="5025544" y="579901"/>
                </a:cubicBezTo>
                <a:lnTo>
                  <a:pt x="5025544" y="837299"/>
                </a:lnTo>
                <a:lnTo>
                  <a:pt x="5553123" y="837402"/>
                </a:lnTo>
                <a:lnTo>
                  <a:pt x="5553123" y="1152113"/>
                </a:lnTo>
                <a:lnTo>
                  <a:pt x="5025544" y="1152113"/>
                </a:lnTo>
                <a:lnTo>
                  <a:pt x="5025544" y="2291528"/>
                </a:lnTo>
                <a:lnTo>
                  <a:pt x="4640802" y="2291528"/>
                </a:lnTo>
                <a:lnTo>
                  <a:pt x="4640802" y="1152113"/>
                </a:lnTo>
                <a:lnTo>
                  <a:pt x="4423612" y="1152113"/>
                </a:lnTo>
                <a:lnTo>
                  <a:pt x="4423612" y="837402"/>
                </a:lnTo>
                <a:lnTo>
                  <a:pt x="4640802" y="837402"/>
                </a:lnTo>
                <a:lnTo>
                  <a:pt x="4640802" y="580004"/>
                </a:lnTo>
                <a:cubicBezTo>
                  <a:pt x="4640802" y="233134"/>
                  <a:pt x="4871070" y="0"/>
                  <a:pt x="5214998" y="0"/>
                </a:cubicBezTo>
                <a:close/>
              </a:path>
            </a:pathLst>
          </a:custGeom>
          <a:solidFill>
            <a:srgbClr val="FFFFFF"/>
          </a:solidFill>
          <a:ln w="3432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grpSp>
        <p:nvGrpSpPr>
          <p:cNvPr id="5" name="Group 2">
            <a:extLst>
              <a:ext uri="{FF2B5EF4-FFF2-40B4-BE49-F238E27FC236}">
                <a16:creationId xmlns:a16="http://schemas.microsoft.com/office/drawing/2014/main" id="{C8DFA973-AC92-A710-EDBC-546A1E0EC089}"/>
              </a:ext>
            </a:extLst>
          </p:cNvPr>
          <p:cNvGrpSpPr/>
          <p:nvPr userDrawn="1"/>
        </p:nvGrpSpPr>
        <p:grpSpPr>
          <a:xfrm rot="5400000">
            <a:off x="3303724" y="8637729"/>
            <a:ext cx="6137570" cy="970982"/>
            <a:chOff x="3408363" y="4698000"/>
            <a:chExt cx="4320001" cy="2160000"/>
          </a:xfrm>
          <a:solidFill>
            <a:schemeClr val="accent1"/>
          </a:solidFill>
        </p:grpSpPr>
        <p:sp>
          <p:nvSpPr>
            <p:cNvPr id="6" name="Rectangle 3">
              <a:extLst>
                <a:ext uri="{FF2B5EF4-FFF2-40B4-BE49-F238E27FC236}">
                  <a16:creationId xmlns:a16="http://schemas.microsoft.com/office/drawing/2014/main" id="{40E8EB77-AB35-8B18-A75F-EC189CE65B05}"/>
                </a:ext>
              </a:extLst>
            </p:cNvPr>
            <p:cNvSpPr/>
            <p:nvPr/>
          </p:nvSpPr>
          <p:spPr>
            <a:xfrm rot="10800000">
              <a:off x="3408363" y="4698000"/>
              <a:ext cx="2160000" cy="21600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anchor="ctr"/>
            <a:lstStyle/>
            <a:p>
              <a:pPr algn="ctr" eaLnBrk="1" fontAlgn="auto" hangingPunct="1">
                <a:spcBef>
                  <a:spcPts val="0"/>
                </a:spcBef>
                <a:spcAft>
                  <a:spcPts val="0"/>
                </a:spcAft>
                <a:defRPr/>
              </a:pPr>
              <a:endParaRPr lang="da-DK" sz="900" dirty="0"/>
            </a:p>
          </p:txBody>
        </p:sp>
        <p:sp>
          <p:nvSpPr>
            <p:cNvPr id="7" name="Oval 5">
              <a:extLst>
                <a:ext uri="{FF2B5EF4-FFF2-40B4-BE49-F238E27FC236}">
                  <a16:creationId xmlns:a16="http://schemas.microsoft.com/office/drawing/2014/main" id="{28A54CFE-FA01-28D0-3155-FFAE1B0B0E41}"/>
                </a:ext>
              </a:extLst>
            </p:cNvPr>
            <p:cNvSpPr/>
            <p:nvPr/>
          </p:nvSpPr>
          <p:spPr>
            <a:xfrm rot="10800000">
              <a:off x="5568364" y="4698000"/>
              <a:ext cx="2160000" cy="2160000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anchor="ctr"/>
            <a:lstStyle/>
            <a:p>
              <a:pPr algn="ctr" eaLnBrk="1" fontAlgn="auto" hangingPunct="1">
                <a:spcBef>
                  <a:spcPts val="0"/>
                </a:spcBef>
                <a:spcAft>
                  <a:spcPts val="0"/>
                </a:spcAft>
                <a:defRPr/>
              </a:pPr>
              <a:endParaRPr lang="da-DK" sz="900" dirty="0"/>
            </a:p>
          </p:txBody>
        </p:sp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 bwMode="white">
          <a:xfrm>
            <a:off x="1916312" y="3812821"/>
            <a:ext cx="3562053" cy="4448000"/>
          </a:xfrm>
        </p:spPr>
        <p:txBody>
          <a:bodyPr/>
          <a:lstStyle>
            <a:lvl1pPr algn="l">
              <a:defRPr sz="3038">
                <a:solidFill>
                  <a:schemeClr val="tx1"/>
                </a:solidFill>
              </a:defRPr>
            </a:lvl1pPr>
          </a:lstStyle>
          <a:p>
            <a:pPr lvl="0"/>
            <a:r>
              <a:rPr lang="da-DK" noProof="0"/>
              <a:t>Klik for at redigere titeltypografien i masteren</a:t>
            </a:r>
            <a:endParaRPr lang="da-DK" dirty="0"/>
          </a:p>
        </p:txBody>
      </p:sp>
      <p:sp>
        <p:nvSpPr>
          <p:cNvPr id="8" name="Date Placeholder 3">
            <a:extLst>
              <a:ext uri="{FF2B5EF4-FFF2-40B4-BE49-F238E27FC236}">
                <a16:creationId xmlns:a16="http://schemas.microsoft.com/office/drawing/2014/main" id="{4C1E5EA5-8033-F5C1-971A-C9FD5211544E}"/>
              </a:ext>
            </a:extLst>
          </p:cNvPr>
          <p:cNvSpPr>
            <a:spLocks noGrp="1"/>
          </p:cNvSpPr>
          <p:nvPr>
            <p:ph type="dt" sz="half" idx="10"/>
          </p:nvPr>
        </p:nvSpPr>
        <p:spPr bwMode="white"/>
        <p:txBody>
          <a:bodyPr/>
          <a:lstStyle>
            <a:lvl1pPr>
              <a:defRPr/>
            </a:lvl1pPr>
          </a:lstStyle>
          <a:p>
            <a:pPr>
              <a:defRPr/>
            </a:pPr>
            <a:fld id="{EF24DDD0-0860-4A15-A89F-41FE96664174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9" name="Footer Placeholder 4">
            <a:extLst>
              <a:ext uri="{FF2B5EF4-FFF2-40B4-BE49-F238E27FC236}">
                <a16:creationId xmlns:a16="http://schemas.microsoft.com/office/drawing/2014/main" id="{1A1251E0-F75C-CA48-523A-D22692F1A6A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 bwMode="white"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10" name="Slide Number Placeholder 5">
            <a:extLst>
              <a:ext uri="{FF2B5EF4-FFF2-40B4-BE49-F238E27FC236}">
                <a16:creationId xmlns:a16="http://schemas.microsoft.com/office/drawing/2014/main" id="{DD1C9456-9983-FF93-33D9-AE9FE89FB5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 bwMode="white"/>
        <p:txBody>
          <a:bodyPr/>
          <a:lstStyle>
            <a:lvl1pPr>
              <a:defRPr/>
            </a:lvl1pPr>
          </a:lstStyle>
          <a:p>
            <a:pPr>
              <a:defRPr/>
            </a:pPr>
            <a:fld id="{32C48A90-5BFF-4802-8DFD-DD2798885331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2487405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9">
            <a:extLst>
              <a:ext uri="{FF2B5EF4-FFF2-40B4-BE49-F238E27FC236}">
                <a16:creationId xmlns:a16="http://schemas.microsoft.com/office/drawing/2014/main" id="{3924F0F3-CA15-6BB6-B544-B0B9336B513B}"/>
              </a:ext>
            </a:extLst>
          </p:cNvPr>
          <p:cNvSpPr/>
          <p:nvPr userDrawn="1"/>
        </p:nvSpPr>
        <p:spPr>
          <a:xfrm>
            <a:off x="0" y="0"/>
            <a:ext cx="6858000" cy="121920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20250" rIns="40500" bIns="2025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125" dirty="0"/>
          </a:p>
        </p:txBody>
      </p:sp>
      <p:sp>
        <p:nvSpPr>
          <p:cNvPr id="4" name="Freeform: Shape 8">
            <a:extLst>
              <a:ext uri="{FF2B5EF4-FFF2-40B4-BE49-F238E27FC236}">
                <a16:creationId xmlns:a16="http://schemas.microsoft.com/office/drawing/2014/main" id="{B1115BD1-FBEB-167F-AA57-893F556667A1}"/>
              </a:ext>
            </a:extLst>
          </p:cNvPr>
          <p:cNvSpPr/>
          <p:nvPr userDrawn="1"/>
        </p:nvSpPr>
        <p:spPr>
          <a:xfrm>
            <a:off x="6197600" y="639763"/>
            <a:ext cx="355600" cy="635000"/>
          </a:xfrm>
          <a:custGeom>
            <a:avLst/>
            <a:gdLst>
              <a:gd name="connsiteX0" fmla="*/ 3991223 w 5553123"/>
              <a:gd name="connsiteY0" fmla="*/ 1407246 h 3128654"/>
              <a:gd name="connsiteX1" fmla="*/ 3430346 w 5553123"/>
              <a:gd name="connsiteY1" fmla="*/ 1968030 h 3128654"/>
              <a:gd name="connsiteX2" fmla="*/ 3597555 w 5553123"/>
              <a:gd name="connsiteY2" fmla="*/ 1999879 h 3128654"/>
              <a:gd name="connsiteX3" fmla="*/ 4017277 w 5553123"/>
              <a:gd name="connsiteY3" fmla="*/ 1565700 h 3128654"/>
              <a:gd name="connsiteX4" fmla="*/ 4017243 w 5553123"/>
              <a:gd name="connsiteY4" fmla="*/ 1565803 h 3128654"/>
              <a:gd name="connsiteX5" fmla="*/ 3991223 w 5553123"/>
              <a:gd name="connsiteY5" fmla="*/ 1407246 h 3128654"/>
              <a:gd name="connsiteX6" fmla="*/ 3597692 w 5553123"/>
              <a:gd name="connsiteY6" fmla="*/ 1131487 h 3128654"/>
              <a:gd name="connsiteX7" fmla="*/ 3172031 w 5553123"/>
              <a:gd name="connsiteY7" fmla="*/ 1565700 h 3128654"/>
              <a:gd name="connsiteX8" fmla="*/ 3171997 w 5553123"/>
              <a:gd name="connsiteY8" fmla="*/ 1565803 h 3128654"/>
              <a:gd name="connsiteX9" fmla="*/ 3197296 w 5553123"/>
              <a:gd name="connsiteY9" fmla="*/ 1722061 h 3128654"/>
              <a:gd name="connsiteX10" fmla="*/ 3757830 w 5553123"/>
              <a:gd name="connsiteY10" fmla="*/ 1161723 h 3128654"/>
              <a:gd name="connsiteX11" fmla="*/ 3597692 w 5553123"/>
              <a:gd name="connsiteY11" fmla="*/ 1131487 h 3128654"/>
              <a:gd name="connsiteX12" fmla="*/ 2205438 w 5553123"/>
              <a:gd name="connsiteY12" fmla="*/ 837298 h 3128654"/>
              <a:gd name="connsiteX13" fmla="*/ 2590180 w 5553123"/>
              <a:gd name="connsiteY13" fmla="*/ 837298 h 3128654"/>
              <a:gd name="connsiteX14" fmla="*/ 2590180 w 5553123"/>
              <a:gd name="connsiteY14" fmla="*/ 2548651 h 3128654"/>
              <a:gd name="connsiteX15" fmla="*/ 2015984 w 5553123"/>
              <a:gd name="connsiteY15" fmla="*/ 3128654 h 3128654"/>
              <a:gd name="connsiteX16" fmla="*/ 1756572 w 5553123"/>
              <a:gd name="connsiteY16" fmla="*/ 3073262 h 3128654"/>
              <a:gd name="connsiteX17" fmla="*/ 1844038 w 5553123"/>
              <a:gd name="connsiteY17" fmla="*/ 2761571 h 3128654"/>
              <a:gd name="connsiteX18" fmla="*/ 1989724 w 5553123"/>
              <a:gd name="connsiteY18" fmla="*/ 2787791 h 3128654"/>
              <a:gd name="connsiteX19" fmla="*/ 2205438 w 5553123"/>
              <a:gd name="connsiteY19" fmla="*/ 2548857 h 3128654"/>
              <a:gd name="connsiteX20" fmla="*/ 4139105 w 5553123"/>
              <a:gd name="connsiteY20" fmla="*/ 780499 h 3128654"/>
              <a:gd name="connsiteX21" fmla="*/ 4378642 w 5553123"/>
              <a:gd name="connsiteY21" fmla="*/ 1020017 h 3128654"/>
              <a:gd name="connsiteX22" fmla="*/ 4263474 w 5553123"/>
              <a:gd name="connsiteY22" fmla="*/ 1135365 h 3128654"/>
              <a:gd name="connsiteX23" fmla="*/ 4390485 w 5553123"/>
              <a:gd name="connsiteY23" fmla="*/ 1565769 h 3128654"/>
              <a:gd name="connsiteX24" fmla="*/ 3597520 w 5553123"/>
              <a:gd name="connsiteY24" fmla="*/ 2335080 h 3128654"/>
              <a:gd name="connsiteX25" fmla="*/ 3173748 w 5553123"/>
              <a:gd name="connsiteY25" fmla="*/ 2224604 h 3128654"/>
              <a:gd name="connsiteX26" fmla="*/ 3050169 w 5553123"/>
              <a:gd name="connsiteY26" fmla="*/ 2348155 h 3128654"/>
              <a:gd name="connsiteX27" fmla="*/ 2810563 w 5553123"/>
              <a:gd name="connsiteY27" fmla="*/ 2108707 h 3128654"/>
              <a:gd name="connsiteX28" fmla="*/ 2925320 w 5553123"/>
              <a:gd name="connsiteY28" fmla="*/ 1993976 h 3128654"/>
              <a:gd name="connsiteX29" fmla="*/ 2798892 w 5553123"/>
              <a:gd name="connsiteY29" fmla="*/ 1565838 h 3128654"/>
              <a:gd name="connsiteX30" fmla="*/ 3597486 w 5553123"/>
              <a:gd name="connsiteY30" fmla="*/ 793644 h 3128654"/>
              <a:gd name="connsiteX31" fmla="*/ 4015526 w 5553123"/>
              <a:gd name="connsiteY31" fmla="*/ 904050 h 3128654"/>
              <a:gd name="connsiteX32" fmla="*/ 396379 w 5553123"/>
              <a:gd name="connsiteY32" fmla="*/ 435140 h 3128654"/>
              <a:gd name="connsiteX33" fmla="*/ 396379 w 5553123"/>
              <a:gd name="connsiteY33" fmla="*/ 1932956 h 3128654"/>
              <a:gd name="connsiteX34" fmla="*/ 846344 w 5553123"/>
              <a:gd name="connsiteY34" fmla="*/ 1932956 h 3128654"/>
              <a:gd name="connsiteX35" fmla="*/ 1601274 w 5553123"/>
              <a:gd name="connsiteY35" fmla="*/ 1184065 h 3128654"/>
              <a:gd name="connsiteX36" fmla="*/ 846344 w 5553123"/>
              <a:gd name="connsiteY36" fmla="*/ 435140 h 3128654"/>
              <a:gd name="connsiteX37" fmla="*/ 0 w 5553123"/>
              <a:gd name="connsiteY37" fmla="*/ 76739 h 3128654"/>
              <a:gd name="connsiteX38" fmla="*/ 820049 w 5553123"/>
              <a:gd name="connsiteY38" fmla="*/ 76739 h 3128654"/>
              <a:gd name="connsiteX39" fmla="*/ 2000502 w 5553123"/>
              <a:gd name="connsiteY39" fmla="*/ 1184065 h 3128654"/>
              <a:gd name="connsiteX40" fmla="*/ 820049 w 5553123"/>
              <a:gd name="connsiteY40" fmla="*/ 2291391 h 3128654"/>
              <a:gd name="connsiteX41" fmla="*/ 0 w 5553123"/>
              <a:gd name="connsiteY41" fmla="*/ 2291391 h 3128654"/>
              <a:gd name="connsiteX42" fmla="*/ 5214998 w 5553123"/>
              <a:gd name="connsiteY42" fmla="*/ 0 h 3128654"/>
              <a:gd name="connsiteX43" fmla="*/ 5474410 w 5553123"/>
              <a:gd name="connsiteY43" fmla="*/ 55393 h 3128654"/>
              <a:gd name="connsiteX44" fmla="*/ 5386944 w 5553123"/>
              <a:gd name="connsiteY44" fmla="*/ 367187 h 3128654"/>
              <a:gd name="connsiteX45" fmla="*/ 5241258 w 5553123"/>
              <a:gd name="connsiteY45" fmla="*/ 340932 h 3128654"/>
              <a:gd name="connsiteX46" fmla="*/ 5025544 w 5553123"/>
              <a:gd name="connsiteY46" fmla="*/ 579901 h 3128654"/>
              <a:gd name="connsiteX47" fmla="*/ 5025544 w 5553123"/>
              <a:gd name="connsiteY47" fmla="*/ 837299 h 3128654"/>
              <a:gd name="connsiteX48" fmla="*/ 5553123 w 5553123"/>
              <a:gd name="connsiteY48" fmla="*/ 837402 h 3128654"/>
              <a:gd name="connsiteX49" fmla="*/ 5553123 w 5553123"/>
              <a:gd name="connsiteY49" fmla="*/ 1152113 h 3128654"/>
              <a:gd name="connsiteX50" fmla="*/ 5025544 w 5553123"/>
              <a:gd name="connsiteY50" fmla="*/ 1152113 h 3128654"/>
              <a:gd name="connsiteX51" fmla="*/ 5025544 w 5553123"/>
              <a:gd name="connsiteY51" fmla="*/ 2291528 h 3128654"/>
              <a:gd name="connsiteX52" fmla="*/ 4640802 w 5553123"/>
              <a:gd name="connsiteY52" fmla="*/ 2291528 h 3128654"/>
              <a:gd name="connsiteX53" fmla="*/ 4640802 w 5553123"/>
              <a:gd name="connsiteY53" fmla="*/ 1152113 h 3128654"/>
              <a:gd name="connsiteX54" fmla="*/ 4423612 w 5553123"/>
              <a:gd name="connsiteY54" fmla="*/ 1152113 h 3128654"/>
              <a:gd name="connsiteX55" fmla="*/ 4423612 w 5553123"/>
              <a:gd name="connsiteY55" fmla="*/ 837402 h 3128654"/>
              <a:gd name="connsiteX56" fmla="*/ 4640802 w 5553123"/>
              <a:gd name="connsiteY56" fmla="*/ 837402 h 3128654"/>
              <a:gd name="connsiteX57" fmla="*/ 4640802 w 5553123"/>
              <a:gd name="connsiteY57" fmla="*/ 580004 h 3128654"/>
              <a:gd name="connsiteX58" fmla="*/ 5214998 w 5553123"/>
              <a:gd name="connsiteY58" fmla="*/ 0 h 31286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5553123" h="3128654">
                <a:moveTo>
                  <a:pt x="3991223" y="1407246"/>
                </a:moveTo>
                <a:lnTo>
                  <a:pt x="3430346" y="1968030"/>
                </a:lnTo>
                <a:cubicBezTo>
                  <a:pt x="3483553" y="1989213"/>
                  <a:pt x="3540297" y="2000023"/>
                  <a:pt x="3597555" y="1999879"/>
                </a:cubicBezTo>
                <a:cubicBezTo>
                  <a:pt x="3819070" y="1999879"/>
                  <a:pt x="4017277" y="1836826"/>
                  <a:pt x="4017277" y="1565700"/>
                </a:cubicBezTo>
                <a:lnTo>
                  <a:pt x="4017243" y="1565803"/>
                </a:lnTo>
                <a:cubicBezTo>
                  <a:pt x="4017518" y="1511866"/>
                  <a:pt x="4008729" y="1458269"/>
                  <a:pt x="3991223" y="1407246"/>
                </a:cubicBezTo>
                <a:close/>
                <a:moveTo>
                  <a:pt x="3597692" y="1131487"/>
                </a:moveTo>
                <a:cubicBezTo>
                  <a:pt x="3370204" y="1131487"/>
                  <a:pt x="3172031" y="1294574"/>
                  <a:pt x="3172031" y="1565700"/>
                </a:cubicBezTo>
                <a:lnTo>
                  <a:pt x="3171997" y="1565803"/>
                </a:lnTo>
                <a:cubicBezTo>
                  <a:pt x="3171757" y="1618927"/>
                  <a:pt x="3180304" y="1671724"/>
                  <a:pt x="3197296" y="1722061"/>
                </a:cubicBezTo>
                <a:lnTo>
                  <a:pt x="3757830" y="1161723"/>
                </a:lnTo>
                <a:cubicBezTo>
                  <a:pt x="3706819" y="1141649"/>
                  <a:pt x="3652513" y="1131391"/>
                  <a:pt x="3597692" y="1131487"/>
                </a:cubicBezTo>
                <a:close/>
                <a:moveTo>
                  <a:pt x="2205438" y="837298"/>
                </a:moveTo>
                <a:lnTo>
                  <a:pt x="2590180" y="837298"/>
                </a:lnTo>
                <a:lnTo>
                  <a:pt x="2590180" y="2548651"/>
                </a:lnTo>
                <a:cubicBezTo>
                  <a:pt x="2590180" y="2895520"/>
                  <a:pt x="2359911" y="3128654"/>
                  <a:pt x="2015984" y="3128654"/>
                </a:cubicBezTo>
                <a:cubicBezTo>
                  <a:pt x="1922717" y="3128654"/>
                  <a:pt x="1838202" y="3111014"/>
                  <a:pt x="1756572" y="3073262"/>
                </a:cubicBezTo>
                <a:lnTo>
                  <a:pt x="1844038" y="2761571"/>
                </a:lnTo>
                <a:cubicBezTo>
                  <a:pt x="1896456" y="2779074"/>
                  <a:pt x="1948909" y="2787791"/>
                  <a:pt x="1989724" y="2787791"/>
                </a:cubicBezTo>
                <a:cubicBezTo>
                  <a:pt x="2118006" y="2787791"/>
                  <a:pt x="2205438" y="2691627"/>
                  <a:pt x="2205438" y="2548857"/>
                </a:cubicBezTo>
                <a:close/>
                <a:moveTo>
                  <a:pt x="4139105" y="780499"/>
                </a:moveTo>
                <a:lnTo>
                  <a:pt x="4378642" y="1020017"/>
                </a:lnTo>
                <a:lnTo>
                  <a:pt x="4263474" y="1135365"/>
                </a:lnTo>
                <a:cubicBezTo>
                  <a:pt x="4343457" y="1255038"/>
                  <a:pt x="4390485" y="1401034"/>
                  <a:pt x="4390485" y="1565769"/>
                </a:cubicBezTo>
                <a:cubicBezTo>
                  <a:pt x="4390485" y="2023285"/>
                  <a:pt x="4028880" y="2335080"/>
                  <a:pt x="3597520" y="2335080"/>
                </a:cubicBezTo>
                <a:cubicBezTo>
                  <a:pt x="3442429" y="2335080"/>
                  <a:pt x="3296983" y="2295681"/>
                  <a:pt x="3173748" y="2224604"/>
                </a:cubicBezTo>
                <a:lnTo>
                  <a:pt x="3050169" y="2348155"/>
                </a:lnTo>
                <a:lnTo>
                  <a:pt x="2810563" y="2108707"/>
                </a:lnTo>
                <a:lnTo>
                  <a:pt x="2925320" y="1993976"/>
                </a:lnTo>
                <a:cubicBezTo>
                  <a:pt x="2845543" y="1875058"/>
                  <a:pt x="2798892" y="1729886"/>
                  <a:pt x="2798892" y="1565838"/>
                </a:cubicBezTo>
                <a:cubicBezTo>
                  <a:pt x="2798892" y="1108390"/>
                  <a:pt x="3160291" y="793644"/>
                  <a:pt x="3597486" y="793644"/>
                </a:cubicBezTo>
                <a:cubicBezTo>
                  <a:pt x="3749866" y="793644"/>
                  <a:pt x="3893424" y="833077"/>
                  <a:pt x="4015526" y="904050"/>
                </a:cubicBezTo>
                <a:close/>
                <a:moveTo>
                  <a:pt x="396379" y="435140"/>
                </a:moveTo>
                <a:lnTo>
                  <a:pt x="396379" y="1932956"/>
                </a:lnTo>
                <a:lnTo>
                  <a:pt x="846344" y="1932956"/>
                </a:lnTo>
                <a:cubicBezTo>
                  <a:pt x="1298059" y="1932956"/>
                  <a:pt x="1601274" y="1632830"/>
                  <a:pt x="1601274" y="1184065"/>
                </a:cubicBezTo>
                <a:cubicBezTo>
                  <a:pt x="1601274" y="735300"/>
                  <a:pt x="1298128" y="435140"/>
                  <a:pt x="846344" y="435140"/>
                </a:cubicBezTo>
                <a:close/>
                <a:moveTo>
                  <a:pt x="0" y="76739"/>
                </a:moveTo>
                <a:lnTo>
                  <a:pt x="820049" y="76739"/>
                </a:lnTo>
                <a:cubicBezTo>
                  <a:pt x="1528328" y="76739"/>
                  <a:pt x="2000502" y="519670"/>
                  <a:pt x="2000502" y="1184065"/>
                </a:cubicBezTo>
                <a:cubicBezTo>
                  <a:pt x="2000502" y="1848460"/>
                  <a:pt x="1528328" y="2291391"/>
                  <a:pt x="820049" y="2291391"/>
                </a:cubicBezTo>
                <a:lnTo>
                  <a:pt x="0" y="2291391"/>
                </a:lnTo>
                <a:close/>
                <a:moveTo>
                  <a:pt x="5214998" y="0"/>
                </a:moveTo>
                <a:cubicBezTo>
                  <a:pt x="5308265" y="0"/>
                  <a:pt x="5392780" y="17641"/>
                  <a:pt x="5474410" y="55393"/>
                </a:cubicBezTo>
                <a:lnTo>
                  <a:pt x="5386944" y="367187"/>
                </a:lnTo>
                <a:cubicBezTo>
                  <a:pt x="5334526" y="349684"/>
                  <a:pt x="5282074" y="340932"/>
                  <a:pt x="5241258" y="340932"/>
                </a:cubicBezTo>
                <a:cubicBezTo>
                  <a:pt x="5112976" y="340932"/>
                  <a:pt x="5025544" y="437131"/>
                  <a:pt x="5025544" y="579901"/>
                </a:cubicBezTo>
                <a:lnTo>
                  <a:pt x="5025544" y="837299"/>
                </a:lnTo>
                <a:lnTo>
                  <a:pt x="5553123" y="837402"/>
                </a:lnTo>
                <a:lnTo>
                  <a:pt x="5553123" y="1152113"/>
                </a:lnTo>
                <a:lnTo>
                  <a:pt x="5025544" y="1152113"/>
                </a:lnTo>
                <a:lnTo>
                  <a:pt x="5025544" y="2291528"/>
                </a:lnTo>
                <a:lnTo>
                  <a:pt x="4640802" y="2291528"/>
                </a:lnTo>
                <a:lnTo>
                  <a:pt x="4640802" y="1152113"/>
                </a:lnTo>
                <a:lnTo>
                  <a:pt x="4423612" y="1152113"/>
                </a:lnTo>
                <a:lnTo>
                  <a:pt x="4423612" y="837402"/>
                </a:lnTo>
                <a:lnTo>
                  <a:pt x="4640802" y="837402"/>
                </a:lnTo>
                <a:lnTo>
                  <a:pt x="4640802" y="580004"/>
                </a:lnTo>
                <a:cubicBezTo>
                  <a:pt x="4640802" y="233134"/>
                  <a:pt x="4871070" y="0"/>
                  <a:pt x="5214998" y="0"/>
                </a:cubicBezTo>
                <a:close/>
              </a:path>
            </a:pathLst>
          </a:custGeom>
          <a:solidFill>
            <a:srgbClr val="1D1D1B"/>
          </a:solidFill>
          <a:ln w="3432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grpSp>
        <p:nvGrpSpPr>
          <p:cNvPr id="5" name="5.element x2">
            <a:extLst>
              <a:ext uri="{FF2B5EF4-FFF2-40B4-BE49-F238E27FC236}">
                <a16:creationId xmlns:a16="http://schemas.microsoft.com/office/drawing/2014/main" id="{0018DA51-90CB-4F8D-EE42-BC65BC75D486}"/>
              </a:ext>
            </a:extLst>
          </p:cNvPr>
          <p:cNvGrpSpPr>
            <a:grpSpLocks/>
          </p:cNvGrpSpPr>
          <p:nvPr userDrawn="1"/>
        </p:nvGrpSpPr>
        <p:grpSpPr bwMode="auto">
          <a:xfrm>
            <a:off x="5886450" y="6059488"/>
            <a:ext cx="971550" cy="6132512"/>
            <a:chOff x="10465406" y="3408028"/>
            <a:chExt cx="1726594" cy="3449974"/>
          </a:xfrm>
        </p:grpSpPr>
        <p:sp>
          <p:nvSpPr>
            <p:cNvPr id="6" name="Right Triangle 3">
              <a:extLst>
                <a:ext uri="{FF2B5EF4-FFF2-40B4-BE49-F238E27FC236}">
                  <a16:creationId xmlns:a16="http://schemas.microsoft.com/office/drawing/2014/main" id="{3B1150A7-3F23-847D-6E41-C696DE24F829}"/>
                </a:ext>
              </a:extLst>
            </p:cNvPr>
            <p:cNvSpPr/>
            <p:nvPr/>
          </p:nvSpPr>
          <p:spPr>
            <a:xfrm rot="16200000">
              <a:off x="10465469" y="3407965"/>
              <a:ext cx="1723648" cy="1723774"/>
            </a:xfrm>
            <a:prstGeom prst="rtTriangle">
              <a:avLst/>
            </a:prstGeom>
            <a:solidFill>
              <a:schemeClr val="accent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anchor="ctr"/>
            <a:lstStyle/>
            <a:p>
              <a:pPr algn="ctr" eaLnBrk="1" fontAlgn="auto" hangingPunct="1">
                <a:spcBef>
                  <a:spcPts val="0"/>
                </a:spcBef>
                <a:spcAft>
                  <a:spcPts val="0"/>
                </a:spcAft>
                <a:defRPr/>
              </a:pPr>
              <a:endParaRPr lang="da-DK" sz="900" dirty="0">
                <a:solidFill>
                  <a:schemeClr val="accent2"/>
                </a:solidFill>
              </a:endParaRPr>
            </a:p>
          </p:txBody>
        </p:sp>
        <p:sp>
          <p:nvSpPr>
            <p:cNvPr id="7" name="Oval 5">
              <a:extLst>
                <a:ext uri="{FF2B5EF4-FFF2-40B4-BE49-F238E27FC236}">
                  <a16:creationId xmlns:a16="http://schemas.microsoft.com/office/drawing/2014/main" id="{AE4CC0D8-B53C-EC8D-05BD-C1802ABB6FAB}"/>
                </a:ext>
              </a:extLst>
            </p:cNvPr>
            <p:cNvSpPr/>
            <p:nvPr/>
          </p:nvSpPr>
          <p:spPr>
            <a:xfrm rot="16200000">
              <a:off x="10465539" y="5131542"/>
              <a:ext cx="1726326" cy="1726594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anchor="ctr"/>
            <a:lstStyle/>
            <a:p>
              <a:pPr algn="ctr" eaLnBrk="1" fontAlgn="auto" hangingPunct="1">
                <a:spcBef>
                  <a:spcPts val="0"/>
                </a:spcBef>
                <a:spcAft>
                  <a:spcPts val="0"/>
                </a:spcAft>
                <a:defRPr/>
              </a:pPr>
              <a:endParaRPr lang="da-DK" sz="900" dirty="0"/>
            </a:p>
          </p:txBody>
        </p:sp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916310" y="3812820"/>
            <a:ext cx="3025350" cy="4448000"/>
          </a:xfrm>
        </p:spPr>
        <p:txBody>
          <a:bodyPr/>
          <a:lstStyle>
            <a:lvl1pPr algn="l">
              <a:defRPr sz="3038">
                <a:solidFill>
                  <a:schemeClr val="tx1"/>
                </a:solidFill>
              </a:defRPr>
            </a:lvl1pPr>
          </a:lstStyle>
          <a:p>
            <a:r>
              <a:rPr lang="da-DK" noProof="0"/>
              <a:t>Klik for at redigere titeltypografien i masteren</a:t>
            </a:r>
            <a:endParaRPr lang="da-DK" dirty="0"/>
          </a:p>
        </p:txBody>
      </p:sp>
      <p:sp>
        <p:nvSpPr>
          <p:cNvPr id="8" name="Date Placeholder 3">
            <a:extLst>
              <a:ext uri="{FF2B5EF4-FFF2-40B4-BE49-F238E27FC236}">
                <a16:creationId xmlns:a16="http://schemas.microsoft.com/office/drawing/2014/main" id="{97D72E3D-3CC5-083F-026F-2989D935E91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6208741E-3FB4-44FD-9960-8939F1BFA1CD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9" name="Footer Placeholder 4">
            <a:extLst>
              <a:ext uri="{FF2B5EF4-FFF2-40B4-BE49-F238E27FC236}">
                <a16:creationId xmlns:a16="http://schemas.microsoft.com/office/drawing/2014/main" id="{D9B8F496-EB88-6913-56C4-B3E84F7B505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916113" y="639763"/>
            <a:ext cx="3025775" cy="32067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10" name="Slide Number Placeholder 5">
            <a:extLst>
              <a:ext uri="{FF2B5EF4-FFF2-40B4-BE49-F238E27FC236}">
                <a16:creationId xmlns:a16="http://schemas.microsoft.com/office/drawing/2014/main" id="{698F37C0-4335-8100-0A8A-F67E5F30F36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A7DAB6AB-6E13-480A-853A-078AD488100A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566153213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D">
    <p:bg bwMode="gray"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9">
            <a:extLst>
              <a:ext uri="{FF2B5EF4-FFF2-40B4-BE49-F238E27FC236}">
                <a16:creationId xmlns:a16="http://schemas.microsoft.com/office/drawing/2014/main" id="{C04FCE0E-735C-F19A-C3E9-48225426C650}"/>
              </a:ext>
            </a:extLst>
          </p:cNvPr>
          <p:cNvSpPr/>
          <p:nvPr userDrawn="1"/>
        </p:nvSpPr>
        <p:spPr>
          <a:xfrm>
            <a:off x="0" y="0"/>
            <a:ext cx="6858000" cy="12192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20250" rIns="40500" bIns="2025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125" dirty="0"/>
          </a:p>
        </p:txBody>
      </p:sp>
      <p:sp>
        <p:nvSpPr>
          <p:cNvPr id="4" name="Freeform: Shape 8">
            <a:extLst>
              <a:ext uri="{FF2B5EF4-FFF2-40B4-BE49-F238E27FC236}">
                <a16:creationId xmlns:a16="http://schemas.microsoft.com/office/drawing/2014/main" id="{420AE390-7C83-BC2D-1B8C-C54D80A11B98}"/>
              </a:ext>
            </a:extLst>
          </p:cNvPr>
          <p:cNvSpPr/>
          <p:nvPr userDrawn="1"/>
        </p:nvSpPr>
        <p:spPr>
          <a:xfrm>
            <a:off x="6197600" y="639763"/>
            <a:ext cx="355600" cy="635000"/>
          </a:xfrm>
          <a:custGeom>
            <a:avLst/>
            <a:gdLst>
              <a:gd name="connsiteX0" fmla="*/ 3991223 w 5553123"/>
              <a:gd name="connsiteY0" fmla="*/ 1407246 h 3128654"/>
              <a:gd name="connsiteX1" fmla="*/ 3430346 w 5553123"/>
              <a:gd name="connsiteY1" fmla="*/ 1968030 h 3128654"/>
              <a:gd name="connsiteX2" fmla="*/ 3597555 w 5553123"/>
              <a:gd name="connsiteY2" fmla="*/ 1999879 h 3128654"/>
              <a:gd name="connsiteX3" fmla="*/ 4017277 w 5553123"/>
              <a:gd name="connsiteY3" fmla="*/ 1565700 h 3128654"/>
              <a:gd name="connsiteX4" fmla="*/ 4017243 w 5553123"/>
              <a:gd name="connsiteY4" fmla="*/ 1565803 h 3128654"/>
              <a:gd name="connsiteX5" fmla="*/ 3991223 w 5553123"/>
              <a:gd name="connsiteY5" fmla="*/ 1407246 h 3128654"/>
              <a:gd name="connsiteX6" fmla="*/ 3597692 w 5553123"/>
              <a:gd name="connsiteY6" fmla="*/ 1131487 h 3128654"/>
              <a:gd name="connsiteX7" fmla="*/ 3172031 w 5553123"/>
              <a:gd name="connsiteY7" fmla="*/ 1565700 h 3128654"/>
              <a:gd name="connsiteX8" fmla="*/ 3171997 w 5553123"/>
              <a:gd name="connsiteY8" fmla="*/ 1565803 h 3128654"/>
              <a:gd name="connsiteX9" fmla="*/ 3197296 w 5553123"/>
              <a:gd name="connsiteY9" fmla="*/ 1722061 h 3128654"/>
              <a:gd name="connsiteX10" fmla="*/ 3757830 w 5553123"/>
              <a:gd name="connsiteY10" fmla="*/ 1161723 h 3128654"/>
              <a:gd name="connsiteX11" fmla="*/ 3597692 w 5553123"/>
              <a:gd name="connsiteY11" fmla="*/ 1131487 h 3128654"/>
              <a:gd name="connsiteX12" fmla="*/ 2205438 w 5553123"/>
              <a:gd name="connsiteY12" fmla="*/ 837298 h 3128654"/>
              <a:gd name="connsiteX13" fmla="*/ 2590180 w 5553123"/>
              <a:gd name="connsiteY13" fmla="*/ 837298 h 3128654"/>
              <a:gd name="connsiteX14" fmla="*/ 2590180 w 5553123"/>
              <a:gd name="connsiteY14" fmla="*/ 2548651 h 3128654"/>
              <a:gd name="connsiteX15" fmla="*/ 2015984 w 5553123"/>
              <a:gd name="connsiteY15" fmla="*/ 3128654 h 3128654"/>
              <a:gd name="connsiteX16" fmla="*/ 1756572 w 5553123"/>
              <a:gd name="connsiteY16" fmla="*/ 3073262 h 3128654"/>
              <a:gd name="connsiteX17" fmla="*/ 1844038 w 5553123"/>
              <a:gd name="connsiteY17" fmla="*/ 2761571 h 3128654"/>
              <a:gd name="connsiteX18" fmla="*/ 1989724 w 5553123"/>
              <a:gd name="connsiteY18" fmla="*/ 2787791 h 3128654"/>
              <a:gd name="connsiteX19" fmla="*/ 2205438 w 5553123"/>
              <a:gd name="connsiteY19" fmla="*/ 2548857 h 3128654"/>
              <a:gd name="connsiteX20" fmla="*/ 4139105 w 5553123"/>
              <a:gd name="connsiteY20" fmla="*/ 780499 h 3128654"/>
              <a:gd name="connsiteX21" fmla="*/ 4378642 w 5553123"/>
              <a:gd name="connsiteY21" fmla="*/ 1020017 h 3128654"/>
              <a:gd name="connsiteX22" fmla="*/ 4263474 w 5553123"/>
              <a:gd name="connsiteY22" fmla="*/ 1135365 h 3128654"/>
              <a:gd name="connsiteX23" fmla="*/ 4390485 w 5553123"/>
              <a:gd name="connsiteY23" fmla="*/ 1565769 h 3128654"/>
              <a:gd name="connsiteX24" fmla="*/ 3597520 w 5553123"/>
              <a:gd name="connsiteY24" fmla="*/ 2335080 h 3128654"/>
              <a:gd name="connsiteX25" fmla="*/ 3173748 w 5553123"/>
              <a:gd name="connsiteY25" fmla="*/ 2224604 h 3128654"/>
              <a:gd name="connsiteX26" fmla="*/ 3050169 w 5553123"/>
              <a:gd name="connsiteY26" fmla="*/ 2348155 h 3128654"/>
              <a:gd name="connsiteX27" fmla="*/ 2810563 w 5553123"/>
              <a:gd name="connsiteY27" fmla="*/ 2108707 h 3128654"/>
              <a:gd name="connsiteX28" fmla="*/ 2925320 w 5553123"/>
              <a:gd name="connsiteY28" fmla="*/ 1993976 h 3128654"/>
              <a:gd name="connsiteX29" fmla="*/ 2798892 w 5553123"/>
              <a:gd name="connsiteY29" fmla="*/ 1565838 h 3128654"/>
              <a:gd name="connsiteX30" fmla="*/ 3597486 w 5553123"/>
              <a:gd name="connsiteY30" fmla="*/ 793644 h 3128654"/>
              <a:gd name="connsiteX31" fmla="*/ 4015526 w 5553123"/>
              <a:gd name="connsiteY31" fmla="*/ 904050 h 3128654"/>
              <a:gd name="connsiteX32" fmla="*/ 396379 w 5553123"/>
              <a:gd name="connsiteY32" fmla="*/ 435140 h 3128654"/>
              <a:gd name="connsiteX33" fmla="*/ 396379 w 5553123"/>
              <a:gd name="connsiteY33" fmla="*/ 1932956 h 3128654"/>
              <a:gd name="connsiteX34" fmla="*/ 846344 w 5553123"/>
              <a:gd name="connsiteY34" fmla="*/ 1932956 h 3128654"/>
              <a:gd name="connsiteX35" fmla="*/ 1601274 w 5553123"/>
              <a:gd name="connsiteY35" fmla="*/ 1184065 h 3128654"/>
              <a:gd name="connsiteX36" fmla="*/ 846344 w 5553123"/>
              <a:gd name="connsiteY36" fmla="*/ 435140 h 3128654"/>
              <a:gd name="connsiteX37" fmla="*/ 0 w 5553123"/>
              <a:gd name="connsiteY37" fmla="*/ 76739 h 3128654"/>
              <a:gd name="connsiteX38" fmla="*/ 820049 w 5553123"/>
              <a:gd name="connsiteY38" fmla="*/ 76739 h 3128654"/>
              <a:gd name="connsiteX39" fmla="*/ 2000502 w 5553123"/>
              <a:gd name="connsiteY39" fmla="*/ 1184065 h 3128654"/>
              <a:gd name="connsiteX40" fmla="*/ 820049 w 5553123"/>
              <a:gd name="connsiteY40" fmla="*/ 2291391 h 3128654"/>
              <a:gd name="connsiteX41" fmla="*/ 0 w 5553123"/>
              <a:gd name="connsiteY41" fmla="*/ 2291391 h 3128654"/>
              <a:gd name="connsiteX42" fmla="*/ 5214998 w 5553123"/>
              <a:gd name="connsiteY42" fmla="*/ 0 h 3128654"/>
              <a:gd name="connsiteX43" fmla="*/ 5474410 w 5553123"/>
              <a:gd name="connsiteY43" fmla="*/ 55393 h 3128654"/>
              <a:gd name="connsiteX44" fmla="*/ 5386944 w 5553123"/>
              <a:gd name="connsiteY44" fmla="*/ 367187 h 3128654"/>
              <a:gd name="connsiteX45" fmla="*/ 5241258 w 5553123"/>
              <a:gd name="connsiteY45" fmla="*/ 340932 h 3128654"/>
              <a:gd name="connsiteX46" fmla="*/ 5025544 w 5553123"/>
              <a:gd name="connsiteY46" fmla="*/ 579901 h 3128654"/>
              <a:gd name="connsiteX47" fmla="*/ 5025544 w 5553123"/>
              <a:gd name="connsiteY47" fmla="*/ 837299 h 3128654"/>
              <a:gd name="connsiteX48" fmla="*/ 5553123 w 5553123"/>
              <a:gd name="connsiteY48" fmla="*/ 837402 h 3128654"/>
              <a:gd name="connsiteX49" fmla="*/ 5553123 w 5553123"/>
              <a:gd name="connsiteY49" fmla="*/ 1152113 h 3128654"/>
              <a:gd name="connsiteX50" fmla="*/ 5025544 w 5553123"/>
              <a:gd name="connsiteY50" fmla="*/ 1152113 h 3128654"/>
              <a:gd name="connsiteX51" fmla="*/ 5025544 w 5553123"/>
              <a:gd name="connsiteY51" fmla="*/ 2291528 h 3128654"/>
              <a:gd name="connsiteX52" fmla="*/ 4640802 w 5553123"/>
              <a:gd name="connsiteY52" fmla="*/ 2291528 h 3128654"/>
              <a:gd name="connsiteX53" fmla="*/ 4640802 w 5553123"/>
              <a:gd name="connsiteY53" fmla="*/ 1152113 h 3128654"/>
              <a:gd name="connsiteX54" fmla="*/ 4423612 w 5553123"/>
              <a:gd name="connsiteY54" fmla="*/ 1152113 h 3128654"/>
              <a:gd name="connsiteX55" fmla="*/ 4423612 w 5553123"/>
              <a:gd name="connsiteY55" fmla="*/ 837402 h 3128654"/>
              <a:gd name="connsiteX56" fmla="*/ 4640802 w 5553123"/>
              <a:gd name="connsiteY56" fmla="*/ 837402 h 3128654"/>
              <a:gd name="connsiteX57" fmla="*/ 4640802 w 5553123"/>
              <a:gd name="connsiteY57" fmla="*/ 580004 h 3128654"/>
              <a:gd name="connsiteX58" fmla="*/ 5214998 w 5553123"/>
              <a:gd name="connsiteY58" fmla="*/ 0 h 31286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5553123" h="3128654">
                <a:moveTo>
                  <a:pt x="3991223" y="1407246"/>
                </a:moveTo>
                <a:lnTo>
                  <a:pt x="3430346" y="1968030"/>
                </a:lnTo>
                <a:cubicBezTo>
                  <a:pt x="3483553" y="1989213"/>
                  <a:pt x="3540297" y="2000023"/>
                  <a:pt x="3597555" y="1999879"/>
                </a:cubicBezTo>
                <a:cubicBezTo>
                  <a:pt x="3819070" y="1999879"/>
                  <a:pt x="4017277" y="1836826"/>
                  <a:pt x="4017277" y="1565700"/>
                </a:cubicBezTo>
                <a:lnTo>
                  <a:pt x="4017243" y="1565803"/>
                </a:lnTo>
                <a:cubicBezTo>
                  <a:pt x="4017518" y="1511866"/>
                  <a:pt x="4008729" y="1458269"/>
                  <a:pt x="3991223" y="1407246"/>
                </a:cubicBezTo>
                <a:close/>
                <a:moveTo>
                  <a:pt x="3597692" y="1131487"/>
                </a:moveTo>
                <a:cubicBezTo>
                  <a:pt x="3370204" y="1131487"/>
                  <a:pt x="3172031" y="1294574"/>
                  <a:pt x="3172031" y="1565700"/>
                </a:cubicBezTo>
                <a:lnTo>
                  <a:pt x="3171997" y="1565803"/>
                </a:lnTo>
                <a:cubicBezTo>
                  <a:pt x="3171757" y="1618927"/>
                  <a:pt x="3180304" y="1671724"/>
                  <a:pt x="3197296" y="1722061"/>
                </a:cubicBezTo>
                <a:lnTo>
                  <a:pt x="3757830" y="1161723"/>
                </a:lnTo>
                <a:cubicBezTo>
                  <a:pt x="3706819" y="1141649"/>
                  <a:pt x="3652513" y="1131391"/>
                  <a:pt x="3597692" y="1131487"/>
                </a:cubicBezTo>
                <a:close/>
                <a:moveTo>
                  <a:pt x="2205438" y="837298"/>
                </a:moveTo>
                <a:lnTo>
                  <a:pt x="2590180" y="837298"/>
                </a:lnTo>
                <a:lnTo>
                  <a:pt x="2590180" y="2548651"/>
                </a:lnTo>
                <a:cubicBezTo>
                  <a:pt x="2590180" y="2895520"/>
                  <a:pt x="2359911" y="3128654"/>
                  <a:pt x="2015984" y="3128654"/>
                </a:cubicBezTo>
                <a:cubicBezTo>
                  <a:pt x="1922717" y="3128654"/>
                  <a:pt x="1838202" y="3111014"/>
                  <a:pt x="1756572" y="3073262"/>
                </a:cubicBezTo>
                <a:lnTo>
                  <a:pt x="1844038" y="2761571"/>
                </a:lnTo>
                <a:cubicBezTo>
                  <a:pt x="1896456" y="2779074"/>
                  <a:pt x="1948909" y="2787791"/>
                  <a:pt x="1989724" y="2787791"/>
                </a:cubicBezTo>
                <a:cubicBezTo>
                  <a:pt x="2118006" y="2787791"/>
                  <a:pt x="2205438" y="2691627"/>
                  <a:pt x="2205438" y="2548857"/>
                </a:cubicBezTo>
                <a:close/>
                <a:moveTo>
                  <a:pt x="4139105" y="780499"/>
                </a:moveTo>
                <a:lnTo>
                  <a:pt x="4378642" y="1020017"/>
                </a:lnTo>
                <a:lnTo>
                  <a:pt x="4263474" y="1135365"/>
                </a:lnTo>
                <a:cubicBezTo>
                  <a:pt x="4343457" y="1255038"/>
                  <a:pt x="4390485" y="1401034"/>
                  <a:pt x="4390485" y="1565769"/>
                </a:cubicBezTo>
                <a:cubicBezTo>
                  <a:pt x="4390485" y="2023285"/>
                  <a:pt x="4028880" y="2335080"/>
                  <a:pt x="3597520" y="2335080"/>
                </a:cubicBezTo>
                <a:cubicBezTo>
                  <a:pt x="3442429" y="2335080"/>
                  <a:pt x="3296983" y="2295681"/>
                  <a:pt x="3173748" y="2224604"/>
                </a:cubicBezTo>
                <a:lnTo>
                  <a:pt x="3050169" y="2348155"/>
                </a:lnTo>
                <a:lnTo>
                  <a:pt x="2810563" y="2108707"/>
                </a:lnTo>
                <a:lnTo>
                  <a:pt x="2925320" y="1993976"/>
                </a:lnTo>
                <a:cubicBezTo>
                  <a:pt x="2845543" y="1875058"/>
                  <a:pt x="2798892" y="1729886"/>
                  <a:pt x="2798892" y="1565838"/>
                </a:cubicBezTo>
                <a:cubicBezTo>
                  <a:pt x="2798892" y="1108390"/>
                  <a:pt x="3160291" y="793644"/>
                  <a:pt x="3597486" y="793644"/>
                </a:cubicBezTo>
                <a:cubicBezTo>
                  <a:pt x="3749866" y="793644"/>
                  <a:pt x="3893424" y="833077"/>
                  <a:pt x="4015526" y="904050"/>
                </a:cubicBezTo>
                <a:close/>
                <a:moveTo>
                  <a:pt x="396379" y="435140"/>
                </a:moveTo>
                <a:lnTo>
                  <a:pt x="396379" y="1932956"/>
                </a:lnTo>
                <a:lnTo>
                  <a:pt x="846344" y="1932956"/>
                </a:lnTo>
                <a:cubicBezTo>
                  <a:pt x="1298059" y="1932956"/>
                  <a:pt x="1601274" y="1632830"/>
                  <a:pt x="1601274" y="1184065"/>
                </a:cubicBezTo>
                <a:cubicBezTo>
                  <a:pt x="1601274" y="735300"/>
                  <a:pt x="1298128" y="435140"/>
                  <a:pt x="846344" y="435140"/>
                </a:cubicBezTo>
                <a:close/>
                <a:moveTo>
                  <a:pt x="0" y="76739"/>
                </a:moveTo>
                <a:lnTo>
                  <a:pt x="820049" y="76739"/>
                </a:lnTo>
                <a:cubicBezTo>
                  <a:pt x="1528328" y="76739"/>
                  <a:pt x="2000502" y="519670"/>
                  <a:pt x="2000502" y="1184065"/>
                </a:cubicBezTo>
                <a:cubicBezTo>
                  <a:pt x="2000502" y="1848460"/>
                  <a:pt x="1528328" y="2291391"/>
                  <a:pt x="820049" y="2291391"/>
                </a:cubicBezTo>
                <a:lnTo>
                  <a:pt x="0" y="2291391"/>
                </a:lnTo>
                <a:close/>
                <a:moveTo>
                  <a:pt x="5214998" y="0"/>
                </a:moveTo>
                <a:cubicBezTo>
                  <a:pt x="5308265" y="0"/>
                  <a:pt x="5392780" y="17641"/>
                  <a:pt x="5474410" y="55393"/>
                </a:cubicBezTo>
                <a:lnTo>
                  <a:pt x="5386944" y="367187"/>
                </a:lnTo>
                <a:cubicBezTo>
                  <a:pt x="5334526" y="349684"/>
                  <a:pt x="5282074" y="340932"/>
                  <a:pt x="5241258" y="340932"/>
                </a:cubicBezTo>
                <a:cubicBezTo>
                  <a:pt x="5112976" y="340932"/>
                  <a:pt x="5025544" y="437131"/>
                  <a:pt x="5025544" y="579901"/>
                </a:cubicBezTo>
                <a:lnTo>
                  <a:pt x="5025544" y="837299"/>
                </a:lnTo>
                <a:lnTo>
                  <a:pt x="5553123" y="837402"/>
                </a:lnTo>
                <a:lnTo>
                  <a:pt x="5553123" y="1152113"/>
                </a:lnTo>
                <a:lnTo>
                  <a:pt x="5025544" y="1152113"/>
                </a:lnTo>
                <a:lnTo>
                  <a:pt x="5025544" y="2291528"/>
                </a:lnTo>
                <a:lnTo>
                  <a:pt x="4640802" y="2291528"/>
                </a:lnTo>
                <a:lnTo>
                  <a:pt x="4640802" y="1152113"/>
                </a:lnTo>
                <a:lnTo>
                  <a:pt x="4423612" y="1152113"/>
                </a:lnTo>
                <a:lnTo>
                  <a:pt x="4423612" y="837402"/>
                </a:lnTo>
                <a:lnTo>
                  <a:pt x="4640802" y="837402"/>
                </a:lnTo>
                <a:lnTo>
                  <a:pt x="4640802" y="580004"/>
                </a:lnTo>
                <a:cubicBezTo>
                  <a:pt x="4640802" y="233134"/>
                  <a:pt x="4871070" y="0"/>
                  <a:pt x="5214998" y="0"/>
                </a:cubicBezTo>
                <a:close/>
              </a:path>
            </a:pathLst>
          </a:custGeom>
          <a:solidFill>
            <a:srgbClr val="1D1D1B"/>
          </a:solidFill>
          <a:ln w="3432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grpSp>
        <p:nvGrpSpPr>
          <p:cNvPr id="5" name="Group 7">
            <a:extLst>
              <a:ext uri="{FF2B5EF4-FFF2-40B4-BE49-F238E27FC236}">
                <a16:creationId xmlns:a16="http://schemas.microsoft.com/office/drawing/2014/main" id="{BAE3CAB8-B938-409A-6DEB-1DF9878BBFEB}"/>
              </a:ext>
            </a:extLst>
          </p:cNvPr>
          <p:cNvGrpSpPr>
            <a:grpSpLocks/>
          </p:cNvGrpSpPr>
          <p:nvPr userDrawn="1"/>
        </p:nvGrpSpPr>
        <p:grpSpPr bwMode="auto">
          <a:xfrm>
            <a:off x="0" y="9101138"/>
            <a:ext cx="977900" cy="3090862"/>
            <a:chOff x="10396448" y="4158868"/>
            <a:chExt cx="2700003" cy="2699133"/>
          </a:xfrm>
        </p:grpSpPr>
        <p:sp>
          <p:nvSpPr>
            <p:cNvPr id="6" name="Freeform: Shape 5">
              <a:extLst>
                <a:ext uri="{FF2B5EF4-FFF2-40B4-BE49-F238E27FC236}">
                  <a16:creationId xmlns:a16="http://schemas.microsoft.com/office/drawing/2014/main" id="{4D05BB95-C9F9-7678-CC65-032B1B8DD1FC}"/>
                </a:ext>
              </a:extLst>
            </p:cNvPr>
            <p:cNvSpPr>
              <a:spLocks noChangeAspect="1"/>
            </p:cNvSpPr>
            <p:nvPr/>
          </p:nvSpPr>
          <p:spPr>
            <a:xfrm rot="5400000">
              <a:off x="11071318" y="4832870"/>
              <a:ext cx="1350260" cy="2700003"/>
            </a:xfrm>
            <a:custGeom>
              <a:avLst/>
              <a:gdLst>
                <a:gd name="connsiteX0" fmla="*/ 2991853 w 2991853"/>
                <a:gd name="connsiteY0" fmla="*/ 0 h 5983706"/>
                <a:gd name="connsiteX1" fmla="*/ 2991853 w 2991853"/>
                <a:gd name="connsiteY1" fmla="*/ 5983706 h 5983706"/>
                <a:gd name="connsiteX2" fmla="*/ 0 w 2991853"/>
                <a:gd name="connsiteY2" fmla="*/ 2991853 h 5983706"/>
                <a:gd name="connsiteX3" fmla="*/ 2991853 w 2991853"/>
                <a:gd name="connsiteY3" fmla="*/ 0 h 598370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991853" h="5983706">
                  <a:moveTo>
                    <a:pt x="2991853" y="0"/>
                  </a:moveTo>
                  <a:lnTo>
                    <a:pt x="2991853" y="5983706"/>
                  </a:lnTo>
                  <a:cubicBezTo>
                    <a:pt x="1339498" y="5983706"/>
                    <a:pt x="0" y="4644208"/>
                    <a:pt x="0" y="2991853"/>
                  </a:cubicBezTo>
                  <a:cubicBezTo>
                    <a:pt x="0" y="1339498"/>
                    <a:pt x="1339498" y="0"/>
                    <a:pt x="2991853" y="0"/>
                  </a:cubicBez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anchor="ctr"/>
            <a:lstStyle/>
            <a:p>
              <a:pPr algn="ctr" eaLnBrk="1" fontAlgn="auto" hangingPunct="1">
                <a:spcBef>
                  <a:spcPts val="0"/>
                </a:spcBef>
                <a:spcAft>
                  <a:spcPts val="0"/>
                </a:spcAft>
                <a:defRPr/>
              </a:pPr>
              <a:endParaRPr lang="da-DK" sz="900" dirty="0">
                <a:solidFill>
                  <a:schemeClr val="accent2"/>
                </a:solidFill>
              </a:endParaRPr>
            </a:p>
          </p:txBody>
        </p:sp>
        <p:sp>
          <p:nvSpPr>
            <p:cNvPr id="7" name="Freeform: Shape 6">
              <a:extLst>
                <a:ext uri="{FF2B5EF4-FFF2-40B4-BE49-F238E27FC236}">
                  <a16:creationId xmlns:a16="http://schemas.microsoft.com/office/drawing/2014/main" id="{0211F078-6D3C-D8E9-63C3-5F14FF9F08D2}"/>
                </a:ext>
              </a:extLst>
            </p:cNvPr>
            <p:cNvSpPr>
              <a:spLocks noChangeAspect="1"/>
            </p:cNvSpPr>
            <p:nvPr/>
          </p:nvSpPr>
          <p:spPr>
            <a:xfrm rot="16200000">
              <a:off x="11071318" y="3483997"/>
              <a:ext cx="1350260" cy="2700003"/>
            </a:xfrm>
            <a:custGeom>
              <a:avLst/>
              <a:gdLst>
                <a:gd name="connsiteX0" fmla="*/ 2991853 w 2991853"/>
                <a:gd name="connsiteY0" fmla="*/ 0 h 5983706"/>
                <a:gd name="connsiteX1" fmla="*/ 2991853 w 2991853"/>
                <a:gd name="connsiteY1" fmla="*/ 5983706 h 5983706"/>
                <a:gd name="connsiteX2" fmla="*/ 0 w 2991853"/>
                <a:gd name="connsiteY2" fmla="*/ 2991853 h 5983706"/>
                <a:gd name="connsiteX3" fmla="*/ 2991853 w 2991853"/>
                <a:gd name="connsiteY3" fmla="*/ 0 h 598370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991853" h="5983706">
                  <a:moveTo>
                    <a:pt x="2991853" y="0"/>
                  </a:moveTo>
                  <a:lnTo>
                    <a:pt x="2991853" y="5983706"/>
                  </a:lnTo>
                  <a:cubicBezTo>
                    <a:pt x="1339498" y="5983706"/>
                    <a:pt x="0" y="4644208"/>
                    <a:pt x="0" y="2991853"/>
                  </a:cubicBezTo>
                  <a:cubicBezTo>
                    <a:pt x="0" y="1339498"/>
                    <a:pt x="1339498" y="0"/>
                    <a:pt x="2991853" y="0"/>
                  </a:cubicBez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anchor="ctr"/>
            <a:lstStyle/>
            <a:p>
              <a:pPr algn="ctr" eaLnBrk="1" fontAlgn="auto" hangingPunct="1">
                <a:spcBef>
                  <a:spcPts val="0"/>
                </a:spcBef>
                <a:spcAft>
                  <a:spcPts val="0"/>
                </a:spcAft>
                <a:defRPr/>
              </a:pPr>
              <a:endParaRPr lang="da-DK" sz="900" dirty="0">
                <a:solidFill>
                  <a:schemeClr val="accent2"/>
                </a:solidFill>
              </a:endParaRPr>
            </a:p>
          </p:txBody>
        </p:sp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916310" y="3812821"/>
            <a:ext cx="3227190" cy="4448000"/>
          </a:xfrm>
        </p:spPr>
        <p:txBody>
          <a:bodyPr/>
          <a:lstStyle>
            <a:lvl1pPr algn="l">
              <a:defRPr sz="3038">
                <a:solidFill>
                  <a:schemeClr val="tx1"/>
                </a:solidFill>
              </a:defRPr>
            </a:lvl1pPr>
          </a:lstStyle>
          <a:p>
            <a:r>
              <a:rPr lang="da-DK" noProof="0"/>
              <a:t>Klik for at redigere titeltypografien i masteren</a:t>
            </a:r>
            <a:endParaRPr lang="da-DK" dirty="0"/>
          </a:p>
        </p:txBody>
      </p:sp>
      <p:sp>
        <p:nvSpPr>
          <p:cNvPr id="8" name="Date Placeholder 3">
            <a:extLst>
              <a:ext uri="{FF2B5EF4-FFF2-40B4-BE49-F238E27FC236}">
                <a16:creationId xmlns:a16="http://schemas.microsoft.com/office/drawing/2014/main" id="{A29620CE-6247-0015-3591-98210F830A4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E8E7A818-3688-4807-AA53-C2A2DD914DF5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9" name="Footer Placeholder 4">
            <a:extLst>
              <a:ext uri="{FF2B5EF4-FFF2-40B4-BE49-F238E27FC236}">
                <a16:creationId xmlns:a16="http://schemas.microsoft.com/office/drawing/2014/main" id="{5239C9A9-5399-0E72-8D8A-2274E5ED51D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916113" y="639763"/>
            <a:ext cx="3227387" cy="32067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10" name="Slide Number Placeholder 5">
            <a:extLst>
              <a:ext uri="{FF2B5EF4-FFF2-40B4-BE49-F238E27FC236}">
                <a16:creationId xmlns:a16="http://schemas.microsoft.com/office/drawing/2014/main" id="{832DDEDD-121A-4374-CC86-8DAEE88B6D8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C96D176C-C0A8-4DC0-A692-F673B5D5270C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695744899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E">
    <p:bg bwMode="gray"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ggrund">
            <a:extLst>
              <a:ext uri="{FF2B5EF4-FFF2-40B4-BE49-F238E27FC236}">
                <a16:creationId xmlns:a16="http://schemas.microsoft.com/office/drawing/2014/main" id="{6AFCFEB6-35F0-0F18-0F06-712C88D9C056}"/>
              </a:ext>
            </a:extLst>
          </p:cNvPr>
          <p:cNvSpPr/>
          <p:nvPr userDrawn="1"/>
        </p:nvSpPr>
        <p:spPr>
          <a:xfrm>
            <a:off x="0" y="0"/>
            <a:ext cx="6858000" cy="12192000"/>
          </a:xfrm>
          <a:prstGeom prst="rect">
            <a:avLst/>
          </a:prstGeom>
          <a:solidFill>
            <a:srgbClr val="EBE0C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20250" rIns="40500" bIns="2025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125" dirty="0"/>
          </a:p>
        </p:txBody>
      </p:sp>
      <p:sp>
        <p:nvSpPr>
          <p:cNvPr id="4" name="Logo">
            <a:extLst>
              <a:ext uri="{FF2B5EF4-FFF2-40B4-BE49-F238E27FC236}">
                <a16:creationId xmlns:a16="http://schemas.microsoft.com/office/drawing/2014/main" id="{BECE3F6B-E892-1CB7-4EB4-97A1DEAFAEAC}"/>
              </a:ext>
            </a:extLst>
          </p:cNvPr>
          <p:cNvSpPr/>
          <p:nvPr userDrawn="1"/>
        </p:nvSpPr>
        <p:spPr>
          <a:xfrm>
            <a:off x="6197600" y="639763"/>
            <a:ext cx="355600" cy="635000"/>
          </a:xfrm>
          <a:custGeom>
            <a:avLst/>
            <a:gdLst>
              <a:gd name="connsiteX0" fmla="*/ 3991223 w 5553123"/>
              <a:gd name="connsiteY0" fmla="*/ 1407246 h 3128654"/>
              <a:gd name="connsiteX1" fmla="*/ 3430346 w 5553123"/>
              <a:gd name="connsiteY1" fmla="*/ 1968030 h 3128654"/>
              <a:gd name="connsiteX2" fmla="*/ 3597555 w 5553123"/>
              <a:gd name="connsiteY2" fmla="*/ 1999879 h 3128654"/>
              <a:gd name="connsiteX3" fmla="*/ 4017277 w 5553123"/>
              <a:gd name="connsiteY3" fmla="*/ 1565700 h 3128654"/>
              <a:gd name="connsiteX4" fmla="*/ 4017243 w 5553123"/>
              <a:gd name="connsiteY4" fmla="*/ 1565803 h 3128654"/>
              <a:gd name="connsiteX5" fmla="*/ 3991223 w 5553123"/>
              <a:gd name="connsiteY5" fmla="*/ 1407246 h 3128654"/>
              <a:gd name="connsiteX6" fmla="*/ 3597692 w 5553123"/>
              <a:gd name="connsiteY6" fmla="*/ 1131487 h 3128654"/>
              <a:gd name="connsiteX7" fmla="*/ 3172031 w 5553123"/>
              <a:gd name="connsiteY7" fmla="*/ 1565700 h 3128654"/>
              <a:gd name="connsiteX8" fmla="*/ 3171997 w 5553123"/>
              <a:gd name="connsiteY8" fmla="*/ 1565803 h 3128654"/>
              <a:gd name="connsiteX9" fmla="*/ 3197296 w 5553123"/>
              <a:gd name="connsiteY9" fmla="*/ 1722061 h 3128654"/>
              <a:gd name="connsiteX10" fmla="*/ 3757830 w 5553123"/>
              <a:gd name="connsiteY10" fmla="*/ 1161723 h 3128654"/>
              <a:gd name="connsiteX11" fmla="*/ 3597692 w 5553123"/>
              <a:gd name="connsiteY11" fmla="*/ 1131487 h 3128654"/>
              <a:gd name="connsiteX12" fmla="*/ 2205438 w 5553123"/>
              <a:gd name="connsiteY12" fmla="*/ 837298 h 3128654"/>
              <a:gd name="connsiteX13" fmla="*/ 2590180 w 5553123"/>
              <a:gd name="connsiteY13" fmla="*/ 837298 h 3128654"/>
              <a:gd name="connsiteX14" fmla="*/ 2590180 w 5553123"/>
              <a:gd name="connsiteY14" fmla="*/ 2548651 h 3128654"/>
              <a:gd name="connsiteX15" fmla="*/ 2015984 w 5553123"/>
              <a:gd name="connsiteY15" fmla="*/ 3128654 h 3128654"/>
              <a:gd name="connsiteX16" fmla="*/ 1756572 w 5553123"/>
              <a:gd name="connsiteY16" fmla="*/ 3073262 h 3128654"/>
              <a:gd name="connsiteX17" fmla="*/ 1844038 w 5553123"/>
              <a:gd name="connsiteY17" fmla="*/ 2761571 h 3128654"/>
              <a:gd name="connsiteX18" fmla="*/ 1989724 w 5553123"/>
              <a:gd name="connsiteY18" fmla="*/ 2787791 h 3128654"/>
              <a:gd name="connsiteX19" fmla="*/ 2205438 w 5553123"/>
              <a:gd name="connsiteY19" fmla="*/ 2548857 h 3128654"/>
              <a:gd name="connsiteX20" fmla="*/ 4139105 w 5553123"/>
              <a:gd name="connsiteY20" fmla="*/ 780499 h 3128654"/>
              <a:gd name="connsiteX21" fmla="*/ 4378642 w 5553123"/>
              <a:gd name="connsiteY21" fmla="*/ 1020017 h 3128654"/>
              <a:gd name="connsiteX22" fmla="*/ 4263474 w 5553123"/>
              <a:gd name="connsiteY22" fmla="*/ 1135365 h 3128654"/>
              <a:gd name="connsiteX23" fmla="*/ 4390485 w 5553123"/>
              <a:gd name="connsiteY23" fmla="*/ 1565769 h 3128654"/>
              <a:gd name="connsiteX24" fmla="*/ 3597520 w 5553123"/>
              <a:gd name="connsiteY24" fmla="*/ 2335080 h 3128654"/>
              <a:gd name="connsiteX25" fmla="*/ 3173748 w 5553123"/>
              <a:gd name="connsiteY25" fmla="*/ 2224604 h 3128654"/>
              <a:gd name="connsiteX26" fmla="*/ 3050169 w 5553123"/>
              <a:gd name="connsiteY26" fmla="*/ 2348155 h 3128654"/>
              <a:gd name="connsiteX27" fmla="*/ 2810563 w 5553123"/>
              <a:gd name="connsiteY27" fmla="*/ 2108707 h 3128654"/>
              <a:gd name="connsiteX28" fmla="*/ 2925320 w 5553123"/>
              <a:gd name="connsiteY28" fmla="*/ 1993976 h 3128654"/>
              <a:gd name="connsiteX29" fmla="*/ 2798892 w 5553123"/>
              <a:gd name="connsiteY29" fmla="*/ 1565838 h 3128654"/>
              <a:gd name="connsiteX30" fmla="*/ 3597486 w 5553123"/>
              <a:gd name="connsiteY30" fmla="*/ 793644 h 3128654"/>
              <a:gd name="connsiteX31" fmla="*/ 4015526 w 5553123"/>
              <a:gd name="connsiteY31" fmla="*/ 904050 h 3128654"/>
              <a:gd name="connsiteX32" fmla="*/ 396379 w 5553123"/>
              <a:gd name="connsiteY32" fmla="*/ 435140 h 3128654"/>
              <a:gd name="connsiteX33" fmla="*/ 396379 w 5553123"/>
              <a:gd name="connsiteY33" fmla="*/ 1932956 h 3128654"/>
              <a:gd name="connsiteX34" fmla="*/ 846344 w 5553123"/>
              <a:gd name="connsiteY34" fmla="*/ 1932956 h 3128654"/>
              <a:gd name="connsiteX35" fmla="*/ 1601274 w 5553123"/>
              <a:gd name="connsiteY35" fmla="*/ 1184065 h 3128654"/>
              <a:gd name="connsiteX36" fmla="*/ 846344 w 5553123"/>
              <a:gd name="connsiteY36" fmla="*/ 435140 h 3128654"/>
              <a:gd name="connsiteX37" fmla="*/ 0 w 5553123"/>
              <a:gd name="connsiteY37" fmla="*/ 76739 h 3128654"/>
              <a:gd name="connsiteX38" fmla="*/ 820049 w 5553123"/>
              <a:gd name="connsiteY38" fmla="*/ 76739 h 3128654"/>
              <a:gd name="connsiteX39" fmla="*/ 2000502 w 5553123"/>
              <a:gd name="connsiteY39" fmla="*/ 1184065 h 3128654"/>
              <a:gd name="connsiteX40" fmla="*/ 820049 w 5553123"/>
              <a:gd name="connsiteY40" fmla="*/ 2291391 h 3128654"/>
              <a:gd name="connsiteX41" fmla="*/ 0 w 5553123"/>
              <a:gd name="connsiteY41" fmla="*/ 2291391 h 3128654"/>
              <a:gd name="connsiteX42" fmla="*/ 5214998 w 5553123"/>
              <a:gd name="connsiteY42" fmla="*/ 0 h 3128654"/>
              <a:gd name="connsiteX43" fmla="*/ 5474410 w 5553123"/>
              <a:gd name="connsiteY43" fmla="*/ 55393 h 3128654"/>
              <a:gd name="connsiteX44" fmla="*/ 5386944 w 5553123"/>
              <a:gd name="connsiteY44" fmla="*/ 367187 h 3128654"/>
              <a:gd name="connsiteX45" fmla="*/ 5241258 w 5553123"/>
              <a:gd name="connsiteY45" fmla="*/ 340932 h 3128654"/>
              <a:gd name="connsiteX46" fmla="*/ 5025544 w 5553123"/>
              <a:gd name="connsiteY46" fmla="*/ 579901 h 3128654"/>
              <a:gd name="connsiteX47" fmla="*/ 5025544 w 5553123"/>
              <a:gd name="connsiteY47" fmla="*/ 837299 h 3128654"/>
              <a:gd name="connsiteX48" fmla="*/ 5553123 w 5553123"/>
              <a:gd name="connsiteY48" fmla="*/ 837402 h 3128654"/>
              <a:gd name="connsiteX49" fmla="*/ 5553123 w 5553123"/>
              <a:gd name="connsiteY49" fmla="*/ 1152113 h 3128654"/>
              <a:gd name="connsiteX50" fmla="*/ 5025544 w 5553123"/>
              <a:gd name="connsiteY50" fmla="*/ 1152113 h 3128654"/>
              <a:gd name="connsiteX51" fmla="*/ 5025544 w 5553123"/>
              <a:gd name="connsiteY51" fmla="*/ 2291528 h 3128654"/>
              <a:gd name="connsiteX52" fmla="*/ 4640802 w 5553123"/>
              <a:gd name="connsiteY52" fmla="*/ 2291528 h 3128654"/>
              <a:gd name="connsiteX53" fmla="*/ 4640802 w 5553123"/>
              <a:gd name="connsiteY53" fmla="*/ 1152113 h 3128654"/>
              <a:gd name="connsiteX54" fmla="*/ 4423612 w 5553123"/>
              <a:gd name="connsiteY54" fmla="*/ 1152113 h 3128654"/>
              <a:gd name="connsiteX55" fmla="*/ 4423612 w 5553123"/>
              <a:gd name="connsiteY55" fmla="*/ 837402 h 3128654"/>
              <a:gd name="connsiteX56" fmla="*/ 4640802 w 5553123"/>
              <a:gd name="connsiteY56" fmla="*/ 837402 h 3128654"/>
              <a:gd name="connsiteX57" fmla="*/ 4640802 w 5553123"/>
              <a:gd name="connsiteY57" fmla="*/ 580004 h 3128654"/>
              <a:gd name="connsiteX58" fmla="*/ 5214998 w 5553123"/>
              <a:gd name="connsiteY58" fmla="*/ 0 h 31286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5553123" h="3128654">
                <a:moveTo>
                  <a:pt x="3991223" y="1407246"/>
                </a:moveTo>
                <a:lnTo>
                  <a:pt x="3430346" y="1968030"/>
                </a:lnTo>
                <a:cubicBezTo>
                  <a:pt x="3483553" y="1989213"/>
                  <a:pt x="3540297" y="2000023"/>
                  <a:pt x="3597555" y="1999879"/>
                </a:cubicBezTo>
                <a:cubicBezTo>
                  <a:pt x="3819070" y="1999879"/>
                  <a:pt x="4017277" y="1836826"/>
                  <a:pt x="4017277" y="1565700"/>
                </a:cubicBezTo>
                <a:lnTo>
                  <a:pt x="4017243" y="1565803"/>
                </a:lnTo>
                <a:cubicBezTo>
                  <a:pt x="4017518" y="1511866"/>
                  <a:pt x="4008729" y="1458269"/>
                  <a:pt x="3991223" y="1407246"/>
                </a:cubicBezTo>
                <a:close/>
                <a:moveTo>
                  <a:pt x="3597692" y="1131487"/>
                </a:moveTo>
                <a:cubicBezTo>
                  <a:pt x="3370204" y="1131487"/>
                  <a:pt x="3172031" y="1294574"/>
                  <a:pt x="3172031" y="1565700"/>
                </a:cubicBezTo>
                <a:lnTo>
                  <a:pt x="3171997" y="1565803"/>
                </a:lnTo>
                <a:cubicBezTo>
                  <a:pt x="3171757" y="1618927"/>
                  <a:pt x="3180304" y="1671724"/>
                  <a:pt x="3197296" y="1722061"/>
                </a:cubicBezTo>
                <a:lnTo>
                  <a:pt x="3757830" y="1161723"/>
                </a:lnTo>
                <a:cubicBezTo>
                  <a:pt x="3706819" y="1141649"/>
                  <a:pt x="3652513" y="1131391"/>
                  <a:pt x="3597692" y="1131487"/>
                </a:cubicBezTo>
                <a:close/>
                <a:moveTo>
                  <a:pt x="2205438" y="837298"/>
                </a:moveTo>
                <a:lnTo>
                  <a:pt x="2590180" y="837298"/>
                </a:lnTo>
                <a:lnTo>
                  <a:pt x="2590180" y="2548651"/>
                </a:lnTo>
                <a:cubicBezTo>
                  <a:pt x="2590180" y="2895520"/>
                  <a:pt x="2359911" y="3128654"/>
                  <a:pt x="2015984" y="3128654"/>
                </a:cubicBezTo>
                <a:cubicBezTo>
                  <a:pt x="1922717" y="3128654"/>
                  <a:pt x="1838202" y="3111014"/>
                  <a:pt x="1756572" y="3073262"/>
                </a:cubicBezTo>
                <a:lnTo>
                  <a:pt x="1844038" y="2761571"/>
                </a:lnTo>
                <a:cubicBezTo>
                  <a:pt x="1896456" y="2779074"/>
                  <a:pt x="1948909" y="2787791"/>
                  <a:pt x="1989724" y="2787791"/>
                </a:cubicBezTo>
                <a:cubicBezTo>
                  <a:pt x="2118006" y="2787791"/>
                  <a:pt x="2205438" y="2691627"/>
                  <a:pt x="2205438" y="2548857"/>
                </a:cubicBezTo>
                <a:close/>
                <a:moveTo>
                  <a:pt x="4139105" y="780499"/>
                </a:moveTo>
                <a:lnTo>
                  <a:pt x="4378642" y="1020017"/>
                </a:lnTo>
                <a:lnTo>
                  <a:pt x="4263474" y="1135365"/>
                </a:lnTo>
                <a:cubicBezTo>
                  <a:pt x="4343457" y="1255038"/>
                  <a:pt x="4390485" y="1401034"/>
                  <a:pt x="4390485" y="1565769"/>
                </a:cubicBezTo>
                <a:cubicBezTo>
                  <a:pt x="4390485" y="2023285"/>
                  <a:pt x="4028880" y="2335080"/>
                  <a:pt x="3597520" y="2335080"/>
                </a:cubicBezTo>
                <a:cubicBezTo>
                  <a:pt x="3442429" y="2335080"/>
                  <a:pt x="3296983" y="2295681"/>
                  <a:pt x="3173748" y="2224604"/>
                </a:cubicBezTo>
                <a:lnTo>
                  <a:pt x="3050169" y="2348155"/>
                </a:lnTo>
                <a:lnTo>
                  <a:pt x="2810563" y="2108707"/>
                </a:lnTo>
                <a:lnTo>
                  <a:pt x="2925320" y="1993976"/>
                </a:lnTo>
                <a:cubicBezTo>
                  <a:pt x="2845543" y="1875058"/>
                  <a:pt x="2798892" y="1729886"/>
                  <a:pt x="2798892" y="1565838"/>
                </a:cubicBezTo>
                <a:cubicBezTo>
                  <a:pt x="2798892" y="1108390"/>
                  <a:pt x="3160291" y="793644"/>
                  <a:pt x="3597486" y="793644"/>
                </a:cubicBezTo>
                <a:cubicBezTo>
                  <a:pt x="3749866" y="793644"/>
                  <a:pt x="3893424" y="833077"/>
                  <a:pt x="4015526" y="904050"/>
                </a:cubicBezTo>
                <a:close/>
                <a:moveTo>
                  <a:pt x="396379" y="435140"/>
                </a:moveTo>
                <a:lnTo>
                  <a:pt x="396379" y="1932956"/>
                </a:lnTo>
                <a:lnTo>
                  <a:pt x="846344" y="1932956"/>
                </a:lnTo>
                <a:cubicBezTo>
                  <a:pt x="1298059" y="1932956"/>
                  <a:pt x="1601274" y="1632830"/>
                  <a:pt x="1601274" y="1184065"/>
                </a:cubicBezTo>
                <a:cubicBezTo>
                  <a:pt x="1601274" y="735300"/>
                  <a:pt x="1298128" y="435140"/>
                  <a:pt x="846344" y="435140"/>
                </a:cubicBezTo>
                <a:close/>
                <a:moveTo>
                  <a:pt x="0" y="76739"/>
                </a:moveTo>
                <a:lnTo>
                  <a:pt x="820049" y="76739"/>
                </a:lnTo>
                <a:cubicBezTo>
                  <a:pt x="1528328" y="76739"/>
                  <a:pt x="2000502" y="519670"/>
                  <a:pt x="2000502" y="1184065"/>
                </a:cubicBezTo>
                <a:cubicBezTo>
                  <a:pt x="2000502" y="1848460"/>
                  <a:pt x="1528328" y="2291391"/>
                  <a:pt x="820049" y="2291391"/>
                </a:cubicBezTo>
                <a:lnTo>
                  <a:pt x="0" y="2291391"/>
                </a:lnTo>
                <a:close/>
                <a:moveTo>
                  <a:pt x="5214998" y="0"/>
                </a:moveTo>
                <a:cubicBezTo>
                  <a:pt x="5308265" y="0"/>
                  <a:pt x="5392780" y="17641"/>
                  <a:pt x="5474410" y="55393"/>
                </a:cubicBezTo>
                <a:lnTo>
                  <a:pt x="5386944" y="367187"/>
                </a:lnTo>
                <a:cubicBezTo>
                  <a:pt x="5334526" y="349684"/>
                  <a:pt x="5282074" y="340932"/>
                  <a:pt x="5241258" y="340932"/>
                </a:cubicBezTo>
                <a:cubicBezTo>
                  <a:pt x="5112976" y="340932"/>
                  <a:pt x="5025544" y="437131"/>
                  <a:pt x="5025544" y="579901"/>
                </a:cubicBezTo>
                <a:lnTo>
                  <a:pt x="5025544" y="837299"/>
                </a:lnTo>
                <a:lnTo>
                  <a:pt x="5553123" y="837402"/>
                </a:lnTo>
                <a:lnTo>
                  <a:pt x="5553123" y="1152113"/>
                </a:lnTo>
                <a:lnTo>
                  <a:pt x="5025544" y="1152113"/>
                </a:lnTo>
                <a:lnTo>
                  <a:pt x="5025544" y="2291528"/>
                </a:lnTo>
                <a:lnTo>
                  <a:pt x="4640802" y="2291528"/>
                </a:lnTo>
                <a:lnTo>
                  <a:pt x="4640802" y="1152113"/>
                </a:lnTo>
                <a:lnTo>
                  <a:pt x="4423612" y="1152113"/>
                </a:lnTo>
                <a:lnTo>
                  <a:pt x="4423612" y="837402"/>
                </a:lnTo>
                <a:lnTo>
                  <a:pt x="4640802" y="837402"/>
                </a:lnTo>
                <a:lnTo>
                  <a:pt x="4640802" y="580004"/>
                </a:lnTo>
                <a:cubicBezTo>
                  <a:pt x="4640802" y="233134"/>
                  <a:pt x="4871070" y="0"/>
                  <a:pt x="5214998" y="0"/>
                </a:cubicBezTo>
                <a:close/>
              </a:path>
            </a:pathLst>
          </a:custGeom>
          <a:solidFill>
            <a:srgbClr val="1D1D1B"/>
          </a:solidFill>
          <a:ln w="3432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grpSp>
        <p:nvGrpSpPr>
          <p:cNvPr id="5" name="5.element x2">
            <a:extLst>
              <a:ext uri="{FF2B5EF4-FFF2-40B4-BE49-F238E27FC236}">
                <a16:creationId xmlns:a16="http://schemas.microsoft.com/office/drawing/2014/main" id="{F0AC4468-8CCC-0AFE-3B76-F827E429A796}"/>
              </a:ext>
            </a:extLst>
          </p:cNvPr>
          <p:cNvGrpSpPr/>
          <p:nvPr userDrawn="1"/>
        </p:nvGrpSpPr>
        <p:grpSpPr>
          <a:xfrm>
            <a:off x="3969814" y="9123219"/>
            <a:ext cx="1941965" cy="3068784"/>
            <a:chOff x="3408363" y="4698000"/>
            <a:chExt cx="4320001" cy="2160000"/>
          </a:xfrm>
          <a:solidFill>
            <a:schemeClr val="accent1"/>
          </a:solidFill>
        </p:grpSpPr>
        <p:sp>
          <p:nvSpPr>
            <p:cNvPr id="6" name="Rectangle 8">
              <a:extLst>
                <a:ext uri="{FF2B5EF4-FFF2-40B4-BE49-F238E27FC236}">
                  <a16:creationId xmlns:a16="http://schemas.microsoft.com/office/drawing/2014/main" id="{4A2D1C45-DEC9-3280-5316-5A7FF2EC91FE}"/>
                </a:ext>
              </a:extLst>
            </p:cNvPr>
            <p:cNvSpPr/>
            <p:nvPr/>
          </p:nvSpPr>
          <p:spPr>
            <a:xfrm rot="10800000">
              <a:off x="3408363" y="4698000"/>
              <a:ext cx="2160000" cy="2160000"/>
            </a:xfrm>
            <a:prstGeom prst="rect">
              <a:avLst/>
            </a:prstGeom>
            <a:solidFill>
              <a:schemeClr val="accent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anchor="ctr"/>
            <a:lstStyle/>
            <a:p>
              <a:pPr algn="ctr" eaLnBrk="1" fontAlgn="auto" hangingPunct="1">
                <a:spcBef>
                  <a:spcPts val="0"/>
                </a:spcBef>
                <a:spcAft>
                  <a:spcPts val="0"/>
                </a:spcAft>
                <a:defRPr/>
              </a:pPr>
              <a:endParaRPr lang="da-DK" sz="900" dirty="0"/>
            </a:p>
          </p:txBody>
        </p:sp>
        <p:sp>
          <p:nvSpPr>
            <p:cNvPr id="7" name="Oval 10">
              <a:extLst>
                <a:ext uri="{FF2B5EF4-FFF2-40B4-BE49-F238E27FC236}">
                  <a16:creationId xmlns:a16="http://schemas.microsoft.com/office/drawing/2014/main" id="{47AC0178-7FF2-B524-8FEB-AA95A0247630}"/>
                </a:ext>
              </a:extLst>
            </p:cNvPr>
            <p:cNvSpPr/>
            <p:nvPr/>
          </p:nvSpPr>
          <p:spPr>
            <a:xfrm rot="10800000">
              <a:off x="5568364" y="4698000"/>
              <a:ext cx="2160000" cy="2160000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anchor="ctr"/>
            <a:lstStyle/>
            <a:p>
              <a:pPr algn="ctr" eaLnBrk="1" fontAlgn="auto" hangingPunct="1">
                <a:spcBef>
                  <a:spcPts val="0"/>
                </a:spcBef>
                <a:spcAft>
                  <a:spcPts val="0"/>
                </a:spcAft>
                <a:defRPr/>
              </a:pPr>
              <a:endParaRPr lang="da-DK" sz="900" dirty="0"/>
            </a:p>
          </p:txBody>
        </p:sp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916310" y="3812821"/>
            <a:ext cx="3227190" cy="4448000"/>
          </a:xfrm>
        </p:spPr>
        <p:txBody>
          <a:bodyPr/>
          <a:lstStyle>
            <a:lvl1pPr algn="l">
              <a:defRPr sz="3038">
                <a:solidFill>
                  <a:schemeClr val="tx1"/>
                </a:solidFill>
              </a:defRPr>
            </a:lvl1pPr>
          </a:lstStyle>
          <a:p>
            <a:r>
              <a:rPr lang="da-DK" noProof="0"/>
              <a:t>Klik for at redigere titeltypografien i masteren</a:t>
            </a:r>
            <a:endParaRPr lang="da-DK" dirty="0"/>
          </a:p>
        </p:txBody>
      </p:sp>
      <p:sp>
        <p:nvSpPr>
          <p:cNvPr id="8" name="Date Placeholder 3">
            <a:extLst>
              <a:ext uri="{FF2B5EF4-FFF2-40B4-BE49-F238E27FC236}">
                <a16:creationId xmlns:a16="http://schemas.microsoft.com/office/drawing/2014/main" id="{18C522FA-DDEC-5218-15A9-7A06CDCB813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0BDB62B4-1034-4BDC-BADA-BE2DD7420DCB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9" name="Footer Placeholder 4">
            <a:extLst>
              <a:ext uri="{FF2B5EF4-FFF2-40B4-BE49-F238E27FC236}">
                <a16:creationId xmlns:a16="http://schemas.microsoft.com/office/drawing/2014/main" id="{8844DA2B-029E-5CB5-5EF2-6A32B2BDAB9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916113" y="639763"/>
            <a:ext cx="3227387" cy="32067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10" name="Slide Number Placeholder 5">
            <a:extLst>
              <a:ext uri="{FF2B5EF4-FFF2-40B4-BE49-F238E27FC236}">
                <a16:creationId xmlns:a16="http://schemas.microsoft.com/office/drawing/2014/main" id="{C0F37FEE-1A6B-9120-1F15-2ED55C40AAC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C4E5C0C6-1BC9-42AA-9E1A-15788FF09184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27502197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F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ggrund">
            <a:extLst>
              <a:ext uri="{FF2B5EF4-FFF2-40B4-BE49-F238E27FC236}">
                <a16:creationId xmlns:a16="http://schemas.microsoft.com/office/drawing/2014/main" id="{AFE4675C-A607-B278-8E58-561913BBB6BD}"/>
              </a:ext>
            </a:extLst>
          </p:cNvPr>
          <p:cNvSpPr/>
          <p:nvPr/>
        </p:nvSpPr>
        <p:spPr bwMode="ltGray">
          <a:xfrm>
            <a:off x="0" y="0"/>
            <a:ext cx="6858000" cy="12192000"/>
          </a:xfrm>
          <a:custGeom>
            <a:avLst/>
            <a:gdLst>
              <a:gd name="connsiteX0" fmla="*/ -1 w 57499186"/>
              <a:gd name="connsiteY0" fmla="*/ 0 h 32343280"/>
              <a:gd name="connsiteX1" fmla="*/ 57499184 w 57499186"/>
              <a:gd name="connsiteY1" fmla="*/ 0 h 32343280"/>
              <a:gd name="connsiteX2" fmla="*/ 57499184 w 57499186"/>
              <a:gd name="connsiteY2" fmla="*/ 32343280 h 32343280"/>
              <a:gd name="connsiteX3" fmla="*/ -1 w 57499186"/>
              <a:gd name="connsiteY3" fmla="*/ 32343280 h 3234328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57499186" h="32343280">
                <a:moveTo>
                  <a:pt x="-1" y="0"/>
                </a:moveTo>
                <a:lnTo>
                  <a:pt x="57499184" y="0"/>
                </a:lnTo>
                <a:lnTo>
                  <a:pt x="57499184" y="32343280"/>
                </a:lnTo>
                <a:lnTo>
                  <a:pt x="-1" y="32343280"/>
                </a:lnTo>
                <a:close/>
              </a:path>
            </a:pathLst>
          </a:custGeom>
          <a:solidFill>
            <a:schemeClr val="accent1"/>
          </a:solidFill>
          <a:ln w="9525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sp>
        <p:nvSpPr>
          <p:cNvPr id="4" name="5.element top">
            <a:extLst>
              <a:ext uri="{FF2B5EF4-FFF2-40B4-BE49-F238E27FC236}">
                <a16:creationId xmlns:a16="http://schemas.microsoft.com/office/drawing/2014/main" id="{FA856064-CFC5-5F3E-4B79-C5CE90270185}"/>
              </a:ext>
            </a:extLst>
          </p:cNvPr>
          <p:cNvSpPr/>
          <p:nvPr/>
        </p:nvSpPr>
        <p:spPr>
          <a:xfrm>
            <a:off x="4929188" y="0"/>
            <a:ext cx="1928812" cy="6096000"/>
          </a:xfrm>
          <a:prstGeom prst="rtTriangle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20250" rIns="40500" bIns="2025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900" dirty="0">
              <a:solidFill>
                <a:schemeClr val="accent2"/>
              </a:solidFill>
            </a:endParaRPr>
          </a:p>
        </p:txBody>
      </p:sp>
      <p:sp>
        <p:nvSpPr>
          <p:cNvPr id="5" name="5.element bund">
            <a:extLst>
              <a:ext uri="{FF2B5EF4-FFF2-40B4-BE49-F238E27FC236}">
                <a16:creationId xmlns:a16="http://schemas.microsoft.com/office/drawing/2014/main" id="{4770BF20-711B-2E23-DF52-AB78049D9036}"/>
              </a:ext>
            </a:extLst>
          </p:cNvPr>
          <p:cNvSpPr/>
          <p:nvPr userDrawn="1"/>
        </p:nvSpPr>
        <p:spPr>
          <a:xfrm>
            <a:off x="4929188" y="6096000"/>
            <a:ext cx="1928812" cy="6096000"/>
          </a:xfrm>
          <a:prstGeom prst="ellipse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20250" rIns="40500" bIns="2025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900" dirty="0"/>
          </a:p>
        </p:txBody>
      </p:sp>
      <p:sp>
        <p:nvSpPr>
          <p:cNvPr id="6" name="Logo">
            <a:extLst>
              <a:ext uri="{FF2B5EF4-FFF2-40B4-BE49-F238E27FC236}">
                <a16:creationId xmlns:a16="http://schemas.microsoft.com/office/drawing/2014/main" id="{57783FDB-67DE-9FCD-0899-A3D524904D56}"/>
              </a:ext>
            </a:extLst>
          </p:cNvPr>
          <p:cNvSpPr/>
          <p:nvPr userDrawn="1"/>
        </p:nvSpPr>
        <p:spPr bwMode="white">
          <a:xfrm>
            <a:off x="6197600" y="639763"/>
            <a:ext cx="355600" cy="635000"/>
          </a:xfrm>
          <a:custGeom>
            <a:avLst/>
            <a:gdLst>
              <a:gd name="connsiteX0" fmla="*/ 3991223 w 5553123"/>
              <a:gd name="connsiteY0" fmla="*/ 1407246 h 3128654"/>
              <a:gd name="connsiteX1" fmla="*/ 3430346 w 5553123"/>
              <a:gd name="connsiteY1" fmla="*/ 1968030 h 3128654"/>
              <a:gd name="connsiteX2" fmla="*/ 3597555 w 5553123"/>
              <a:gd name="connsiteY2" fmla="*/ 1999879 h 3128654"/>
              <a:gd name="connsiteX3" fmla="*/ 4017277 w 5553123"/>
              <a:gd name="connsiteY3" fmla="*/ 1565700 h 3128654"/>
              <a:gd name="connsiteX4" fmla="*/ 4017243 w 5553123"/>
              <a:gd name="connsiteY4" fmla="*/ 1565803 h 3128654"/>
              <a:gd name="connsiteX5" fmla="*/ 3991223 w 5553123"/>
              <a:gd name="connsiteY5" fmla="*/ 1407246 h 3128654"/>
              <a:gd name="connsiteX6" fmla="*/ 3597692 w 5553123"/>
              <a:gd name="connsiteY6" fmla="*/ 1131487 h 3128654"/>
              <a:gd name="connsiteX7" fmla="*/ 3172031 w 5553123"/>
              <a:gd name="connsiteY7" fmla="*/ 1565700 h 3128654"/>
              <a:gd name="connsiteX8" fmla="*/ 3171997 w 5553123"/>
              <a:gd name="connsiteY8" fmla="*/ 1565803 h 3128654"/>
              <a:gd name="connsiteX9" fmla="*/ 3197296 w 5553123"/>
              <a:gd name="connsiteY9" fmla="*/ 1722061 h 3128654"/>
              <a:gd name="connsiteX10" fmla="*/ 3757830 w 5553123"/>
              <a:gd name="connsiteY10" fmla="*/ 1161723 h 3128654"/>
              <a:gd name="connsiteX11" fmla="*/ 3597692 w 5553123"/>
              <a:gd name="connsiteY11" fmla="*/ 1131487 h 3128654"/>
              <a:gd name="connsiteX12" fmla="*/ 2205438 w 5553123"/>
              <a:gd name="connsiteY12" fmla="*/ 837298 h 3128654"/>
              <a:gd name="connsiteX13" fmla="*/ 2590180 w 5553123"/>
              <a:gd name="connsiteY13" fmla="*/ 837298 h 3128654"/>
              <a:gd name="connsiteX14" fmla="*/ 2590180 w 5553123"/>
              <a:gd name="connsiteY14" fmla="*/ 2548651 h 3128654"/>
              <a:gd name="connsiteX15" fmla="*/ 2015984 w 5553123"/>
              <a:gd name="connsiteY15" fmla="*/ 3128654 h 3128654"/>
              <a:gd name="connsiteX16" fmla="*/ 1756572 w 5553123"/>
              <a:gd name="connsiteY16" fmla="*/ 3073262 h 3128654"/>
              <a:gd name="connsiteX17" fmla="*/ 1844038 w 5553123"/>
              <a:gd name="connsiteY17" fmla="*/ 2761571 h 3128654"/>
              <a:gd name="connsiteX18" fmla="*/ 1989724 w 5553123"/>
              <a:gd name="connsiteY18" fmla="*/ 2787791 h 3128654"/>
              <a:gd name="connsiteX19" fmla="*/ 2205438 w 5553123"/>
              <a:gd name="connsiteY19" fmla="*/ 2548857 h 3128654"/>
              <a:gd name="connsiteX20" fmla="*/ 4139105 w 5553123"/>
              <a:gd name="connsiteY20" fmla="*/ 780499 h 3128654"/>
              <a:gd name="connsiteX21" fmla="*/ 4378642 w 5553123"/>
              <a:gd name="connsiteY21" fmla="*/ 1020017 h 3128654"/>
              <a:gd name="connsiteX22" fmla="*/ 4263474 w 5553123"/>
              <a:gd name="connsiteY22" fmla="*/ 1135365 h 3128654"/>
              <a:gd name="connsiteX23" fmla="*/ 4390485 w 5553123"/>
              <a:gd name="connsiteY23" fmla="*/ 1565769 h 3128654"/>
              <a:gd name="connsiteX24" fmla="*/ 3597520 w 5553123"/>
              <a:gd name="connsiteY24" fmla="*/ 2335080 h 3128654"/>
              <a:gd name="connsiteX25" fmla="*/ 3173748 w 5553123"/>
              <a:gd name="connsiteY25" fmla="*/ 2224604 h 3128654"/>
              <a:gd name="connsiteX26" fmla="*/ 3050169 w 5553123"/>
              <a:gd name="connsiteY26" fmla="*/ 2348155 h 3128654"/>
              <a:gd name="connsiteX27" fmla="*/ 2810563 w 5553123"/>
              <a:gd name="connsiteY27" fmla="*/ 2108707 h 3128654"/>
              <a:gd name="connsiteX28" fmla="*/ 2925320 w 5553123"/>
              <a:gd name="connsiteY28" fmla="*/ 1993976 h 3128654"/>
              <a:gd name="connsiteX29" fmla="*/ 2798892 w 5553123"/>
              <a:gd name="connsiteY29" fmla="*/ 1565838 h 3128654"/>
              <a:gd name="connsiteX30" fmla="*/ 3597486 w 5553123"/>
              <a:gd name="connsiteY30" fmla="*/ 793644 h 3128654"/>
              <a:gd name="connsiteX31" fmla="*/ 4015526 w 5553123"/>
              <a:gd name="connsiteY31" fmla="*/ 904050 h 3128654"/>
              <a:gd name="connsiteX32" fmla="*/ 396379 w 5553123"/>
              <a:gd name="connsiteY32" fmla="*/ 435140 h 3128654"/>
              <a:gd name="connsiteX33" fmla="*/ 396379 w 5553123"/>
              <a:gd name="connsiteY33" fmla="*/ 1932956 h 3128654"/>
              <a:gd name="connsiteX34" fmla="*/ 846344 w 5553123"/>
              <a:gd name="connsiteY34" fmla="*/ 1932956 h 3128654"/>
              <a:gd name="connsiteX35" fmla="*/ 1601274 w 5553123"/>
              <a:gd name="connsiteY35" fmla="*/ 1184065 h 3128654"/>
              <a:gd name="connsiteX36" fmla="*/ 846344 w 5553123"/>
              <a:gd name="connsiteY36" fmla="*/ 435140 h 3128654"/>
              <a:gd name="connsiteX37" fmla="*/ 0 w 5553123"/>
              <a:gd name="connsiteY37" fmla="*/ 76739 h 3128654"/>
              <a:gd name="connsiteX38" fmla="*/ 820049 w 5553123"/>
              <a:gd name="connsiteY38" fmla="*/ 76739 h 3128654"/>
              <a:gd name="connsiteX39" fmla="*/ 2000502 w 5553123"/>
              <a:gd name="connsiteY39" fmla="*/ 1184065 h 3128654"/>
              <a:gd name="connsiteX40" fmla="*/ 820049 w 5553123"/>
              <a:gd name="connsiteY40" fmla="*/ 2291391 h 3128654"/>
              <a:gd name="connsiteX41" fmla="*/ 0 w 5553123"/>
              <a:gd name="connsiteY41" fmla="*/ 2291391 h 3128654"/>
              <a:gd name="connsiteX42" fmla="*/ 5214998 w 5553123"/>
              <a:gd name="connsiteY42" fmla="*/ 0 h 3128654"/>
              <a:gd name="connsiteX43" fmla="*/ 5474410 w 5553123"/>
              <a:gd name="connsiteY43" fmla="*/ 55393 h 3128654"/>
              <a:gd name="connsiteX44" fmla="*/ 5386944 w 5553123"/>
              <a:gd name="connsiteY44" fmla="*/ 367187 h 3128654"/>
              <a:gd name="connsiteX45" fmla="*/ 5241258 w 5553123"/>
              <a:gd name="connsiteY45" fmla="*/ 340932 h 3128654"/>
              <a:gd name="connsiteX46" fmla="*/ 5025544 w 5553123"/>
              <a:gd name="connsiteY46" fmla="*/ 579901 h 3128654"/>
              <a:gd name="connsiteX47" fmla="*/ 5025544 w 5553123"/>
              <a:gd name="connsiteY47" fmla="*/ 837299 h 3128654"/>
              <a:gd name="connsiteX48" fmla="*/ 5553123 w 5553123"/>
              <a:gd name="connsiteY48" fmla="*/ 837402 h 3128654"/>
              <a:gd name="connsiteX49" fmla="*/ 5553123 w 5553123"/>
              <a:gd name="connsiteY49" fmla="*/ 1152113 h 3128654"/>
              <a:gd name="connsiteX50" fmla="*/ 5025544 w 5553123"/>
              <a:gd name="connsiteY50" fmla="*/ 1152113 h 3128654"/>
              <a:gd name="connsiteX51" fmla="*/ 5025544 w 5553123"/>
              <a:gd name="connsiteY51" fmla="*/ 2291528 h 3128654"/>
              <a:gd name="connsiteX52" fmla="*/ 4640802 w 5553123"/>
              <a:gd name="connsiteY52" fmla="*/ 2291528 h 3128654"/>
              <a:gd name="connsiteX53" fmla="*/ 4640802 w 5553123"/>
              <a:gd name="connsiteY53" fmla="*/ 1152113 h 3128654"/>
              <a:gd name="connsiteX54" fmla="*/ 4423612 w 5553123"/>
              <a:gd name="connsiteY54" fmla="*/ 1152113 h 3128654"/>
              <a:gd name="connsiteX55" fmla="*/ 4423612 w 5553123"/>
              <a:gd name="connsiteY55" fmla="*/ 837402 h 3128654"/>
              <a:gd name="connsiteX56" fmla="*/ 4640802 w 5553123"/>
              <a:gd name="connsiteY56" fmla="*/ 837402 h 3128654"/>
              <a:gd name="connsiteX57" fmla="*/ 4640802 w 5553123"/>
              <a:gd name="connsiteY57" fmla="*/ 580004 h 3128654"/>
              <a:gd name="connsiteX58" fmla="*/ 5214998 w 5553123"/>
              <a:gd name="connsiteY58" fmla="*/ 0 h 31286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5553123" h="3128654">
                <a:moveTo>
                  <a:pt x="3991223" y="1407246"/>
                </a:moveTo>
                <a:lnTo>
                  <a:pt x="3430346" y="1968030"/>
                </a:lnTo>
                <a:cubicBezTo>
                  <a:pt x="3483553" y="1989213"/>
                  <a:pt x="3540297" y="2000023"/>
                  <a:pt x="3597555" y="1999879"/>
                </a:cubicBezTo>
                <a:cubicBezTo>
                  <a:pt x="3819070" y="1999879"/>
                  <a:pt x="4017277" y="1836826"/>
                  <a:pt x="4017277" y="1565700"/>
                </a:cubicBezTo>
                <a:lnTo>
                  <a:pt x="4017243" y="1565803"/>
                </a:lnTo>
                <a:cubicBezTo>
                  <a:pt x="4017518" y="1511866"/>
                  <a:pt x="4008729" y="1458269"/>
                  <a:pt x="3991223" y="1407246"/>
                </a:cubicBezTo>
                <a:close/>
                <a:moveTo>
                  <a:pt x="3597692" y="1131487"/>
                </a:moveTo>
                <a:cubicBezTo>
                  <a:pt x="3370204" y="1131487"/>
                  <a:pt x="3172031" y="1294574"/>
                  <a:pt x="3172031" y="1565700"/>
                </a:cubicBezTo>
                <a:lnTo>
                  <a:pt x="3171997" y="1565803"/>
                </a:lnTo>
                <a:cubicBezTo>
                  <a:pt x="3171757" y="1618927"/>
                  <a:pt x="3180304" y="1671724"/>
                  <a:pt x="3197296" y="1722061"/>
                </a:cubicBezTo>
                <a:lnTo>
                  <a:pt x="3757830" y="1161723"/>
                </a:lnTo>
                <a:cubicBezTo>
                  <a:pt x="3706819" y="1141649"/>
                  <a:pt x="3652513" y="1131391"/>
                  <a:pt x="3597692" y="1131487"/>
                </a:cubicBezTo>
                <a:close/>
                <a:moveTo>
                  <a:pt x="2205438" y="837298"/>
                </a:moveTo>
                <a:lnTo>
                  <a:pt x="2590180" y="837298"/>
                </a:lnTo>
                <a:lnTo>
                  <a:pt x="2590180" y="2548651"/>
                </a:lnTo>
                <a:cubicBezTo>
                  <a:pt x="2590180" y="2895520"/>
                  <a:pt x="2359911" y="3128654"/>
                  <a:pt x="2015984" y="3128654"/>
                </a:cubicBezTo>
                <a:cubicBezTo>
                  <a:pt x="1922717" y="3128654"/>
                  <a:pt x="1838202" y="3111014"/>
                  <a:pt x="1756572" y="3073262"/>
                </a:cubicBezTo>
                <a:lnTo>
                  <a:pt x="1844038" y="2761571"/>
                </a:lnTo>
                <a:cubicBezTo>
                  <a:pt x="1896456" y="2779074"/>
                  <a:pt x="1948909" y="2787791"/>
                  <a:pt x="1989724" y="2787791"/>
                </a:cubicBezTo>
                <a:cubicBezTo>
                  <a:pt x="2118006" y="2787791"/>
                  <a:pt x="2205438" y="2691627"/>
                  <a:pt x="2205438" y="2548857"/>
                </a:cubicBezTo>
                <a:close/>
                <a:moveTo>
                  <a:pt x="4139105" y="780499"/>
                </a:moveTo>
                <a:lnTo>
                  <a:pt x="4378642" y="1020017"/>
                </a:lnTo>
                <a:lnTo>
                  <a:pt x="4263474" y="1135365"/>
                </a:lnTo>
                <a:cubicBezTo>
                  <a:pt x="4343457" y="1255038"/>
                  <a:pt x="4390485" y="1401034"/>
                  <a:pt x="4390485" y="1565769"/>
                </a:cubicBezTo>
                <a:cubicBezTo>
                  <a:pt x="4390485" y="2023285"/>
                  <a:pt x="4028880" y="2335080"/>
                  <a:pt x="3597520" y="2335080"/>
                </a:cubicBezTo>
                <a:cubicBezTo>
                  <a:pt x="3442429" y="2335080"/>
                  <a:pt x="3296983" y="2295681"/>
                  <a:pt x="3173748" y="2224604"/>
                </a:cubicBezTo>
                <a:lnTo>
                  <a:pt x="3050169" y="2348155"/>
                </a:lnTo>
                <a:lnTo>
                  <a:pt x="2810563" y="2108707"/>
                </a:lnTo>
                <a:lnTo>
                  <a:pt x="2925320" y="1993976"/>
                </a:lnTo>
                <a:cubicBezTo>
                  <a:pt x="2845543" y="1875058"/>
                  <a:pt x="2798892" y="1729886"/>
                  <a:pt x="2798892" y="1565838"/>
                </a:cubicBezTo>
                <a:cubicBezTo>
                  <a:pt x="2798892" y="1108390"/>
                  <a:pt x="3160291" y="793644"/>
                  <a:pt x="3597486" y="793644"/>
                </a:cubicBezTo>
                <a:cubicBezTo>
                  <a:pt x="3749866" y="793644"/>
                  <a:pt x="3893424" y="833077"/>
                  <a:pt x="4015526" y="904050"/>
                </a:cubicBezTo>
                <a:close/>
                <a:moveTo>
                  <a:pt x="396379" y="435140"/>
                </a:moveTo>
                <a:lnTo>
                  <a:pt x="396379" y="1932956"/>
                </a:lnTo>
                <a:lnTo>
                  <a:pt x="846344" y="1932956"/>
                </a:lnTo>
                <a:cubicBezTo>
                  <a:pt x="1298059" y="1932956"/>
                  <a:pt x="1601274" y="1632830"/>
                  <a:pt x="1601274" y="1184065"/>
                </a:cubicBezTo>
                <a:cubicBezTo>
                  <a:pt x="1601274" y="735300"/>
                  <a:pt x="1298128" y="435140"/>
                  <a:pt x="846344" y="435140"/>
                </a:cubicBezTo>
                <a:close/>
                <a:moveTo>
                  <a:pt x="0" y="76739"/>
                </a:moveTo>
                <a:lnTo>
                  <a:pt x="820049" y="76739"/>
                </a:lnTo>
                <a:cubicBezTo>
                  <a:pt x="1528328" y="76739"/>
                  <a:pt x="2000502" y="519670"/>
                  <a:pt x="2000502" y="1184065"/>
                </a:cubicBezTo>
                <a:cubicBezTo>
                  <a:pt x="2000502" y="1848460"/>
                  <a:pt x="1528328" y="2291391"/>
                  <a:pt x="820049" y="2291391"/>
                </a:cubicBezTo>
                <a:lnTo>
                  <a:pt x="0" y="2291391"/>
                </a:lnTo>
                <a:close/>
                <a:moveTo>
                  <a:pt x="5214998" y="0"/>
                </a:moveTo>
                <a:cubicBezTo>
                  <a:pt x="5308265" y="0"/>
                  <a:pt x="5392780" y="17641"/>
                  <a:pt x="5474410" y="55393"/>
                </a:cubicBezTo>
                <a:lnTo>
                  <a:pt x="5386944" y="367187"/>
                </a:lnTo>
                <a:cubicBezTo>
                  <a:pt x="5334526" y="349684"/>
                  <a:pt x="5282074" y="340932"/>
                  <a:pt x="5241258" y="340932"/>
                </a:cubicBezTo>
                <a:cubicBezTo>
                  <a:pt x="5112976" y="340932"/>
                  <a:pt x="5025544" y="437131"/>
                  <a:pt x="5025544" y="579901"/>
                </a:cubicBezTo>
                <a:lnTo>
                  <a:pt x="5025544" y="837299"/>
                </a:lnTo>
                <a:lnTo>
                  <a:pt x="5553123" y="837402"/>
                </a:lnTo>
                <a:lnTo>
                  <a:pt x="5553123" y="1152113"/>
                </a:lnTo>
                <a:lnTo>
                  <a:pt x="5025544" y="1152113"/>
                </a:lnTo>
                <a:lnTo>
                  <a:pt x="5025544" y="2291528"/>
                </a:lnTo>
                <a:lnTo>
                  <a:pt x="4640802" y="2291528"/>
                </a:lnTo>
                <a:lnTo>
                  <a:pt x="4640802" y="1152113"/>
                </a:lnTo>
                <a:lnTo>
                  <a:pt x="4423612" y="1152113"/>
                </a:lnTo>
                <a:lnTo>
                  <a:pt x="4423612" y="837402"/>
                </a:lnTo>
                <a:lnTo>
                  <a:pt x="4640802" y="837402"/>
                </a:lnTo>
                <a:lnTo>
                  <a:pt x="4640802" y="580004"/>
                </a:lnTo>
                <a:cubicBezTo>
                  <a:pt x="4640802" y="233134"/>
                  <a:pt x="4871070" y="0"/>
                  <a:pt x="5214998" y="0"/>
                </a:cubicBezTo>
                <a:close/>
              </a:path>
            </a:pathLst>
          </a:custGeom>
          <a:solidFill>
            <a:srgbClr val="FFFFFF"/>
          </a:solidFill>
          <a:ln w="3432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 bwMode="white">
          <a:xfrm>
            <a:off x="303610" y="3812823"/>
            <a:ext cx="4099620" cy="4441600"/>
          </a:xfrm>
        </p:spPr>
        <p:txBody>
          <a:bodyPr anchor="ctr"/>
          <a:lstStyle>
            <a:lvl1pPr algn="l">
              <a:defRPr sz="3038"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CEDE269-F1AA-4A5A-FF36-0FC946CD875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 smtClean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27874F60-3955-4DBC-A958-7C5050F9E887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8" name="Footer Placeholder 8">
            <a:extLst>
              <a:ext uri="{FF2B5EF4-FFF2-40B4-BE49-F238E27FC236}">
                <a16:creationId xmlns:a16="http://schemas.microsoft.com/office/drawing/2014/main" id="{88F1A638-9A5B-C292-3533-12A52956A4A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916113" y="639763"/>
            <a:ext cx="2487612" cy="320675"/>
          </a:xfrm>
        </p:spPr>
        <p:txBody>
          <a:bodyPr/>
          <a:lstStyle>
            <a:lvl1pPr>
              <a:defRPr dirty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9" name="Slide Number Placeholder 10">
            <a:extLst>
              <a:ext uri="{FF2B5EF4-FFF2-40B4-BE49-F238E27FC236}">
                <a16:creationId xmlns:a16="http://schemas.microsoft.com/office/drawing/2014/main" id="{E465B05B-23DE-A2B7-D7DA-0C59589B782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 smtClean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A96994FA-A2B2-43BF-864E-556C21913FB1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6868243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ggrund">
            <a:extLst>
              <a:ext uri="{FF2B5EF4-FFF2-40B4-BE49-F238E27FC236}">
                <a16:creationId xmlns:a16="http://schemas.microsoft.com/office/drawing/2014/main" id="{3294B443-7D52-7B3C-56F0-6672F86D4D0C}"/>
              </a:ext>
            </a:extLst>
          </p:cNvPr>
          <p:cNvSpPr/>
          <p:nvPr/>
        </p:nvSpPr>
        <p:spPr bwMode="gray">
          <a:xfrm>
            <a:off x="0" y="0"/>
            <a:ext cx="6858000" cy="12192000"/>
          </a:xfrm>
          <a:custGeom>
            <a:avLst/>
            <a:gdLst>
              <a:gd name="connsiteX0" fmla="*/ 0 w 10572750"/>
              <a:gd name="connsiteY0" fmla="*/ 0 h 10287000"/>
              <a:gd name="connsiteX1" fmla="*/ 10572750 w 10572750"/>
              <a:gd name="connsiteY1" fmla="*/ 0 h 10287000"/>
              <a:gd name="connsiteX2" fmla="*/ 10572750 w 10572750"/>
              <a:gd name="connsiteY2" fmla="*/ 10287000 h 10287000"/>
              <a:gd name="connsiteX3" fmla="*/ 0 w 10572750"/>
              <a:gd name="connsiteY3" fmla="*/ 10287000 h 10287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572750" h="10287000">
                <a:moveTo>
                  <a:pt x="0" y="0"/>
                </a:moveTo>
                <a:lnTo>
                  <a:pt x="10572750" y="0"/>
                </a:lnTo>
                <a:lnTo>
                  <a:pt x="10572750" y="10287000"/>
                </a:lnTo>
                <a:lnTo>
                  <a:pt x="0" y="10287000"/>
                </a:lnTo>
                <a:close/>
              </a:path>
            </a:pathLst>
          </a:custGeom>
          <a:solidFill>
            <a:schemeClr val="accent2"/>
          </a:solidFill>
          <a:ln w="9525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sp>
        <p:nvSpPr>
          <p:cNvPr id="4" name="5.element top">
            <a:extLst>
              <a:ext uri="{FF2B5EF4-FFF2-40B4-BE49-F238E27FC236}">
                <a16:creationId xmlns:a16="http://schemas.microsoft.com/office/drawing/2014/main" id="{60378212-0EBC-11B9-2218-E4009C0E4C03}"/>
              </a:ext>
            </a:extLst>
          </p:cNvPr>
          <p:cNvSpPr/>
          <p:nvPr userDrawn="1"/>
        </p:nvSpPr>
        <p:spPr>
          <a:xfrm>
            <a:off x="4929188" y="0"/>
            <a:ext cx="1928812" cy="6096000"/>
          </a:xfrm>
          <a:prstGeom prst="rtTriangle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20250" rIns="40500" bIns="2025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900" dirty="0">
              <a:solidFill>
                <a:schemeClr val="accent2"/>
              </a:solidFill>
            </a:endParaRPr>
          </a:p>
        </p:txBody>
      </p:sp>
      <p:sp>
        <p:nvSpPr>
          <p:cNvPr id="5" name="5.element bund">
            <a:extLst>
              <a:ext uri="{FF2B5EF4-FFF2-40B4-BE49-F238E27FC236}">
                <a16:creationId xmlns:a16="http://schemas.microsoft.com/office/drawing/2014/main" id="{75117C76-6DB5-588A-DA41-F71C475C84DA}"/>
              </a:ext>
            </a:extLst>
          </p:cNvPr>
          <p:cNvSpPr/>
          <p:nvPr userDrawn="1"/>
        </p:nvSpPr>
        <p:spPr>
          <a:xfrm>
            <a:off x="4929188" y="6096000"/>
            <a:ext cx="1928812" cy="6096000"/>
          </a:xfrm>
          <a:prstGeom prst="ellipse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20250" rIns="40500" bIns="2025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900" dirty="0"/>
          </a:p>
        </p:txBody>
      </p:sp>
      <p:sp>
        <p:nvSpPr>
          <p:cNvPr id="6" name="Logo">
            <a:extLst>
              <a:ext uri="{FF2B5EF4-FFF2-40B4-BE49-F238E27FC236}">
                <a16:creationId xmlns:a16="http://schemas.microsoft.com/office/drawing/2014/main" id="{29BA9FDC-B740-4F61-AD0C-577DCCC208CE}"/>
              </a:ext>
            </a:extLst>
          </p:cNvPr>
          <p:cNvSpPr/>
          <p:nvPr userDrawn="1"/>
        </p:nvSpPr>
        <p:spPr bwMode="white">
          <a:xfrm>
            <a:off x="6197600" y="639763"/>
            <a:ext cx="355600" cy="635000"/>
          </a:xfrm>
          <a:custGeom>
            <a:avLst/>
            <a:gdLst>
              <a:gd name="connsiteX0" fmla="*/ 3991223 w 5553123"/>
              <a:gd name="connsiteY0" fmla="*/ 1407246 h 3128654"/>
              <a:gd name="connsiteX1" fmla="*/ 3430346 w 5553123"/>
              <a:gd name="connsiteY1" fmla="*/ 1968030 h 3128654"/>
              <a:gd name="connsiteX2" fmla="*/ 3597555 w 5553123"/>
              <a:gd name="connsiteY2" fmla="*/ 1999879 h 3128654"/>
              <a:gd name="connsiteX3" fmla="*/ 4017277 w 5553123"/>
              <a:gd name="connsiteY3" fmla="*/ 1565700 h 3128654"/>
              <a:gd name="connsiteX4" fmla="*/ 4017243 w 5553123"/>
              <a:gd name="connsiteY4" fmla="*/ 1565803 h 3128654"/>
              <a:gd name="connsiteX5" fmla="*/ 3991223 w 5553123"/>
              <a:gd name="connsiteY5" fmla="*/ 1407246 h 3128654"/>
              <a:gd name="connsiteX6" fmla="*/ 3597692 w 5553123"/>
              <a:gd name="connsiteY6" fmla="*/ 1131487 h 3128654"/>
              <a:gd name="connsiteX7" fmla="*/ 3172031 w 5553123"/>
              <a:gd name="connsiteY7" fmla="*/ 1565700 h 3128654"/>
              <a:gd name="connsiteX8" fmla="*/ 3171997 w 5553123"/>
              <a:gd name="connsiteY8" fmla="*/ 1565803 h 3128654"/>
              <a:gd name="connsiteX9" fmla="*/ 3197296 w 5553123"/>
              <a:gd name="connsiteY9" fmla="*/ 1722061 h 3128654"/>
              <a:gd name="connsiteX10" fmla="*/ 3757830 w 5553123"/>
              <a:gd name="connsiteY10" fmla="*/ 1161723 h 3128654"/>
              <a:gd name="connsiteX11" fmla="*/ 3597692 w 5553123"/>
              <a:gd name="connsiteY11" fmla="*/ 1131487 h 3128654"/>
              <a:gd name="connsiteX12" fmla="*/ 2205438 w 5553123"/>
              <a:gd name="connsiteY12" fmla="*/ 837298 h 3128654"/>
              <a:gd name="connsiteX13" fmla="*/ 2590180 w 5553123"/>
              <a:gd name="connsiteY13" fmla="*/ 837298 h 3128654"/>
              <a:gd name="connsiteX14" fmla="*/ 2590180 w 5553123"/>
              <a:gd name="connsiteY14" fmla="*/ 2548651 h 3128654"/>
              <a:gd name="connsiteX15" fmla="*/ 2015984 w 5553123"/>
              <a:gd name="connsiteY15" fmla="*/ 3128654 h 3128654"/>
              <a:gd name="connsiteX16" fmla="*/ 1756572 w 5553123"/>
              <a:gd name="connsiteY16" fmla="*/ 3073262 h 3128654"/>
              <a:gd name="connsiteX17" fmla="*/ 1844038 w 5553123"/>
              <a:gd name="connsiteY17" fmla="*/ 2761571 h 3128654"/>
              <a:gd name="connsiteX18" fmla="*/ 1989724 w 5553123"/>
              <a:gd name="connsiteY18" fmla="*/ 2787791 h 3128654"/>
              <a:gd name="connsiteX19" fmla="*/ 2205438 w 5553123"/>
              <a:gd name="connsiteY19" fmla="*/ 2548857 h 3128654"/>
              <a:gd name="connsiteX20" fmla="*/ 4139105 w 5553123"/>
              <a:gd name="connsiteY20" fmla="*/ 780499 h 3128654"/>
              <a:gd name="connsiteX21" fmla="*/ 4378642 w 5553123"/>
              <a:gd name="connsiteY21" fmla="*/ 1020017 h 3128654"/>
              <a:gd name="connsiteX22" fmla="*/ 4263474 w 5553123"/>
              <a:gd name="connsiteY22" fmla="*/ 1135365 h 3128654"/>
              <a:gd name="connsiteX23" fmla="*/ 4390485 w 5553123"/>
              <a:gd name="connsiteY23" fmla="*/ 1565769 h 3128654"/>
              <a:gd name="connsiteX24" fmla="*/ 3597520 w 5553123"/>
              <a:gd name="connsiteY24" fmla="*/ 2335080 h 3128654"/>
              <a:gd name="connsiteX25" fmla="*/ 3173748 w 5553123"/>
              <a:gd name="connsiteY25" fmla="*/ 2224604 h 3128654"/>
              <a:gd name="connsiteX26" fmla="*/ 3050169 w 5553123"/>
              <a:gd name="connsiteY26" fmla="*/ 2348155 h 3128654"/>
              <a:gd name="connsiteX27" fmla="*/ 2810563 w 5553123"/>
              <a:gd name="connsiteY27" fmla="*/ 2108707 h 3128654"/>
              <a:gd name="connsiteX28" fmla="*/ 2925320 w 5553123"/>
              <a:gd name="connsiteY28" fmla="*/ 1993976 h 3128654"/>
              <a:gd name="connsiteX29" fmla="*/ 2798892 w 5553123"/>
              <a:gd name="connsiteY29" fmla="*/ 1565838 h 3128654"/>
              <a:gd name="connsiteX30" fmla="*/ 3597486 w 5553123"/>
              <a:gd name="connsiteY30" fmla="*/ 793644 h 3128654"/>
              <a:gd name="connsiteX31" fmla="*/ 4015526 w 5553123"/>
              <a:gd name="connsiteY31" fmla="*/ 904050 h 3128654"/>
              <a:gd name="connsiteX32" fmla="*/ 396379 w 5553123"/>
              <a:gd name="connsiteY32" fmla="*/ 435140 h 3128654"/>
              <a:gd name="connsiteX33" fmla="*/ 396379 w 5553123"/>
              <a:gd name="connsiteY33" fmla="*/ 1932956 h 3128654"/>
              <a:gd name="connsiteX34" fmla="*/ 846344 w 5553123"/>
              <a:gd name="connsiteY34" fmla="*/ 1932956 h 3128654"/>
              <a:gd name="connsiteX35" fmla="*/ 1601274 w 5553123"/>
              <a:gd name="connsiteY35" fmla="*/ 1184065 h 3128654"/>
              <a:gd name="connsiteX36" fmla="*/ 846344 w 5553123"/>
              <a:gd name="connsiteY36" fmla="*/ 435140 h 3128654"/>
              <a:gd name="connsiteX37" fmla="*/ 0 w 5553123"/>
              <a:gd name="connsiteY37" fmla="*/ 76739 h 3128654"/>
              <a:gd name="connsiteX38" fmla="*/ 820049 w 5553123"/>
              <a:gd name="connsiteY38" fmla="*/ 76739 h 3128654"/>
              <a:gd name="connsiteX39" fmla="*/ 2000502 w 5553123"/>
              <a:gd name="connsiteY39" fmla="*/ 1184065 h 3128654"/>
              <a:gd name="connsiteX40" fmla="*/ 820049 w 5553123"/>
              <a:gd name="connsiteY40" fmla="*/ 2291391 h 3128654"/>
              <a:gd name="connsiteX41" fmla="*/ 0 w 5553123"/>
              <a:gd name="connsiteY41" fmla="*/ 2291391 h 3128654"/>
              <a:gd name="connsiteX42" fmla="*/ 5214998 w 5553123"/>
              <a:gd name="connsiteY42" fmla="*/ 0 h 3128654"/>
              <a:gd name="connsiteX43" fmla="*/ 5474410 w 5553123"/>
              <a:gd name="connsiteY43" fmla="*/ 55393 h 3128654"/>
              <a:gd name="connsiteX44" fmla="*/ 5386944 w 5553123"/>
              <a:gd name="connsiteY44" fmla="*/ 367187 h 3128654"/>
              <a:gd name="connsiteX45" fmla="*/ 5241258 w 5553123"/>
              <a:gd name="connsiteY45" fmla="*/ 340932 h 3128654"/>
              <a:gd name="connsiteX46" fmla="*/ 5025544 w 5553123"/>
              <a:gd name="connsiteY46" fmla="*/ 579901 h 3128654"/>
              <a:gd name="connsiteX47" fmla="*/ 5025544 w 5553123"/>
              <a:gd name="connsiteY47" fmla="*/ 837299 h 3128654"/>
              <a:gd name="connsiteX48" fmla="*/ 5553123 w 5553123"/>
              <a:gd name="connsiteY48" fmla="*/ 837402 h 3128654"/>
              <a:gd name="connsiteX49" fmla="*/ 5553123 w 5553123"/>
              <a:gd name="connsiteY49" fmla="*/ 1152113 h 3128654"/>
              <a:gd name="connsiteX50" fmla="*/ 5025544 w 5553123"/>
              <a:gd name="connsiteY50" fmla="*/ 1152113 h 3128654"/>
              <a:gd name="connsiteX51" fmla="*/ 5025544 w 5553123"/>
              <a:gd name="connsiteY51" fmla="*/ 2291528 h 3128654"/>
              <a:gd name="connsiteX52" fmla="*/ 4640802 w 5553123"/>
              <a:gd name="connsiteY52" fmla="*/ 2291528 h 3128654"/>
              <a:gd name="connsiteX53" fmla="*/ 4640802 w 5553123"/>
              <a:gd name="connsiteY53" fmla="*/ 1152113 h 3128654"/>
              <a:gd name="connsiteX54" fmla="*/ 4423612 w 5553123"/>
              <a:gd name="connsiteY54" fmla="*/ 1152113 h 3128654"/>
              <a:gd name="connsiteX55" fmla="*/ 4423612 w 5553123"/>
              <a:gd name="connsiteY55" fmla="*/ 837402 h 3128654"/>
              <a:gd name="connsiteX56" fmla="*/ 4640802 w 5553123"/>
              <a:gd name="connsiteY56" fmla="*/ 837402 h 3128654"/>
              <a:gd name="connsiteX57" fmla="*/ 4640802 w 5553123"/>
              <a:gd name="connsiteY57" fmla="*/ 580004 h 3128654"/>
              <a:gd name="connsiteX58" fmla="*/ 5214998 w 5553123"/>
              <a:gd name="connsiteY58" fmla="*/ 0 h 31286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5553123" h="3128654">
                <a:moveTo>
                  <a:pt x="3991223" y="1407246"/>
                </a:moveTo>
                <a:lnTo>
                  <a:pt x="3430346" y="1968030"/>
                </a:lnTo>
                <a:cubicBezTo>
                  <a:pt x="3483553" y="1989213"/>
                  <a:pt x="3540297" y="2000023"/>
                  <a:pt x="3597555" y="1999879"/>
                </a:cubicBezTo>
                <a:cubicBezTo>
                  <a:pt x="3819070" y="1999879"/>
                  <a:pt x="4017277" y="1836826"/>
                  <a:pt x="4017277" y="1565700"/>
                </a:cubicBezTo>
                <a:lnTo>
                  <a:pt x="4017243" y="1565803"/>
                </a:lnTo>
                <a:cubicBezTo>
                  <a:pt x="4017518" y="1511866"/>
                  <a:pt x="4008729" y="1458269"/>
                  <a:pt x="3991223" y="1407246"/>
                </a:cubicBezTo>
                <a:close/>
                <a:moveTo>
                  <a:pt x="3597692" y="1131487"/>
                </a:moveTo>
                <a:cubicBezTo>
                  <a:pt x="3370204" y="1131487"/>
                  <a:pt x="3172031" y="1294574"/>
                  <a:pt x="3172031" y="1565700"/>
                </a:cubicBezTo>
                <a:lnTo>
                  <a:pt x="3171997" y="1565803"/>
                </a:lnTo>
                <a:cubicBezTo>
                  <a:pt x="3171757" y="1618927"/>
                  <a:pt x="3180304" y="1671724"/>
                  <a:pt x="3197296" y="1722061"/>
                </a:cubicBezTo>
                <a:lnTo>
                  <a:pt x="3757830" y="1161723"/>
                </a:lnTo>
                <a:cubicBezTo>
                  <a:pt x="3706819" y="1141649"/>
                  <a:pt x="3652513" y="1131391"/>
                  <a:pt x="3597692" y="1131487"/>
                </a:cubicBezTo>
                <a:close/>
                <a:moveTo>
                  <a:pt x="2205438" y="837298"/>
                </a:moveTo>
                <a:lnTo>
                  <a:pt x="2590180" y="837298"/>
                </a:lnTo>
                <a:lnTo>
                  <a:pt x="2590180" y="2548651"/>
                </a:lnTo>
                <a:cubicBezTo>
                  <a:pt x="2590180" y="2895520"/>
                  <a:pt x="2359911" y="3128654"/>
                  <a:pt x="2015984" y="3128654"/>
                </a:cubicBezTo>
                <a:cubicBezTo>
                  <a:pt x="1922717" y="3128654"/>
                  <a:pt x="1838202" y="3111014"/>
                  <a:pt x="1756572" y="3073262"/>
                </a:cubicBezTo>
                <a:lnTo>
                  <a:pt x="1844038" y="2761571"/>
                </a:lnTo>
                <a:cubicBezTo>
                  <a:pt x="1896456" y="2779074"/>
                  <a:pt x="1948909" y="2787791"/>
                  <a:pt x="1989724" y="2787791"/>
                </a:cubicBezTo>
                <a:cubicBezTo>
                  <a:pt x="2118006" y="2787791"/>
                  <a:pt x="2205438" y="2691627"/>
                  <a:pt x="2205438" y="2548857"/>
                </a:cubicBezTo>
                <a:close/>
                <a:moveTo>
                  <a:pt x="4139105" y="780499"/>
                </a:moveTo>
                <a:lnTo>
                  <a:pt x="4378642" y="1020017"/>
                </a:lnTo>
                <a:lnTo>
                  <a:pt x="4263474" y="1135365"/>
                </a:lnTo>
                <a:cubicBezTo>
                  <a:pt x="4343457" y="1255038"/>
                  <a:pt x="4390485" y="1401034"/>
                  <a:pt x="4390485" y="1565769"/>
                </a:cubicBezTo>
                <a:cubicBezTo>
                  <a:pt x="4390485" y="2023285"/>
                  <a:pt x="4028880" y="2335080"/>
                  <a:pt x="3597520" y="2335080"/>
                </a:cubicBezTo>
                <a:cubicBezTo>
                  <a:pt x="3442429" y="2335080"/>
                  <a:pt x="3296983" y="2295681"/>
                  <a:pt x="3173748" y="2224604"/>
                </a:cubicBezTo>
                <a:lnTo>
                  <a:pt x="3050169" y="2348155"/>
                </a:lnTo>
                <a:lnTo>
                  <a:pt x="2810563" y="2108707"/>
                </a:lnTo>
                <a:lnTo>
                  <a:pt x="2925320" y="1993976"/>
                </a:lnTo>
                <a:cubicBezTo>
                  <a:pt x="2845543" y="1875058"/>
                  <a:pt x="2798892" y="1729886"/>
                  <a:pt x="2798892" y="1565838"/>
                </a:cubicBezTo>
                <a:cubicBezTo>
                  <a:pt x="2798892" y="1108390"/>
                  <a:pt x="3160291" y="793644"/>
                  <a:pt x="3597486" y="793644"/>
                </a:cubicBezTo>
                <a:cubicBezTo>
                  <a:pt x="3749866" y="793644"/>
                  <a:pt x="3893424" y="833077"/>
                  <a:pt x="4015526" y="904050"/>
                </a:cubicBezTo>
                <a:close/>
                <a:moveTo>
                  <a:pt x="396379" y="435140"/>
                </a:moveTo>
                <a:lnTo>
                  <a:pt x="396379" y="1932956"/>
                </a:lnTo>
                <a:lnTo>
                  <a:pt x="846344" y="1932956"/>
                </a:lnTo>
                <a:cubicBezTo>
                  <a:pt x="1298059" y="1932956"/>
                  <a:pt x="1601274" y="1632830"/>
                  <a:pt x="1601274" y="1184065"/>
                </a:cubicBezTo>
                <a:cubicBezTo>
                  <a:pt x="1601274" y="735300"/>
                  <a:pt x="1298128" y="435140"/>
                  <a:pt x="846344" y="435140"/>
                </a:cubicBezTo>
                <a:close/>
                <a:moveTo>
                  <a:pt x="0" y="76739"/>
                </a:moveTo>
                <a:lnTo>
                  <a:pt x="820049" y="76739"/>
                </a:lnTo>
                <a:cubicBezTo>
                  <a:pt x="1528328" y="76739"/>
                  <a:pt x="2000502" y="519670"/>
                  <a:pt x="2000502" y="1184065"/>
                </a:cubicBezTo>
                <a:cubicBezTo>
                  <a:pt x="2000502" y="1848460"/>
                  <a:pt x="1528328" y="2291391"/>
                  <a:pt x="820049" y="2291391"/>
                </a:cubicBezTo>
                <a:lnTo>
                  <a:pt x="0" y="2291391"/>
                </a:lnTo>
                <a:close/>
                <a:moveTo>
                  <a:pt x="5214998" y="0"/>
                </a:moveTo>
                <a:cubicBezTo>
                  <a:pt x="5308265" y="0"/>
                  <a:pt x="5392780" y="17641"/>
                  <a:pt x="5474410" y="55393"/>
                </a:cubicBezTo>
                <a:lnTo>
                  <a:pt x="5386944" y="367187"/>
                </a:lnTo>
                <a:cubicBezTo>
                  <a:pt x="5334526" y="349684"/>
                  <a:pt x="5282074" y="340932"/>
                  <a:pt x="5241258" y="340932"/>
                </a:cubicBezTo>
                <a:cubicBezTo>
                  <a:pt x="5112976" y="340932"/>
                  <a:pt x="5025544" y="437131"/>
                  <a:pt x="5025544" y="579901"/>
                </a:cubicBezTo>
                <a:lnTo>
                  <a:pt x="5025544" y="837299"/>
                </a:lnTo>
                <a:lnTo>
                  <a:pt x="5553123" y="837402"/>
                </a:lnTo>
                <a:lnTo>
                  <a:pt x="5553123" y="1152113"/>
                </a:lnTo>
                <a:lnTo>
                  <a:pt x="5025544" y="1152113"/>
                </a:lnTo>
                <a:lnTo>
                  <a:pt x="5025544" y="2291528"/>
                </a:lnTo>
                <a:lnTo>
                  <a:pt x="4640802" y="2291528"/>
                </a:lnTo>
                <a:lnTo>
                  <a:pt x="4640802" y="1152113"/>
                </a:lnTo>
                <a:lnTo>
                  <a:pt x="4423612" y="1152113"/>
                </a:lnTo>
                <a:lnTo>
                  <a:pt x="4423612" y="837402"/>
                </a:lnTo>
                <a:lnTo>
                  <a:pt x="4640802" y="837402"/>
                </a:lnTo>
                <a:lnTo>
                  <a:pt x="4640802" y="580004"/>
                </a:lnTo>
                <a:cubicBezTo>
                  <a:pt x="4640802" y="233134"/>
                  <a:pt x="4871070" y="0"/>
                  <a:pt x="5214998" y="0"/>
                </a:cubicBezTo>
                <a:close/>
              </a:path>
            </a:pathLst>
          </a:custGeom>
          <a:solidFill>
            <a:srgbClr val="FFFFFF"/>
          </a:solidFill>
          <a:ln w="3432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 bwMode="white">
          <a:xfrm>
            <a:off x="303610" y="3812821"/>
            <a:ext cx="4099621" cy="4441600"/>
          </a:xfrm>
        </p:spPr>
        <p:txBody>
          <a:bodyPr anchor="ctr"/>
          <a:lstStyle>
            <a:lvl1pPr algn="l">
              <a:defRPr sz="3038"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7" name="Date Placeholder 11">
            <a:extLst>
              <a:ext uri="{FF2B5EF4-FFF2-40B4-BE49-F238E27FC236}">
                <a16:creationId xmlns:a16="http://schemas.microsoft.com/office/drawing/2014/main" id="{70DCC0A1-6A09-A2A0-C383-7721AB738B2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 smtClean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B0EE5711-2BC3-4865-9EB2-AED429FC1957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8" name="Footer Placeholder 12">
            <a:extLst>
              <a:ext uri="{FF2B5EF4-FFF2-40B4-BE49-F238E27FC236}">
                <a16:creationId xmlns:a16="http://schemas.microsoft.com/office/drawing/2014/main" id="{CC6100D5-ED8A-7B26-B45C-3C18743CF29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916113" y="639763"/>
            <a:ext cx="2487612" cy="320675"/>
          </a:xfrm>
        </p:spPr>
        <p:txBody>
          <a:bodyPr/>
          <a:lstStyle>
            <a:lvl1pPr>
              <a:defRPr dirty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9" name="Slide Number Placeholder 13">
            <a:extLst>
              <a:ext uri="{FF2B5EF4-FFF2-40B4-BE49-F238E27FC236}">
                <a16:creationId xmlns:a16="http://schemas.microsoft.com/office/drawing/2014/main" id="{3587DB75-1D6E-9AC9-EEA3-057A8167F9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 smtClean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AC9A1270-3B1D-4B63-BBB2-6FD56D11896D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30153381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med helside billede A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dsholder til billede 6"/>
          <p:cNvSpPr>
            <a:spLocks noGrp="1"/>
          </p:cNvSpPr>
          <p:nvPr>
            <p:ph type="pic" sz="quarter" idx="13"/>
          </p:nvPr>
        </p:nvSpPr>
        <p:spPr>
          <a:xfrm>
            <a:off x="1" y="0"/>
            <a:ext cx="6858675" cy="12192000"/>
          </a:xfrm>
          <a:prstGeom prst="rect">
            <a:avLst/>
          </a:prstGeom>
          <a:solidFill>
            <a:schemeClr val="tx1">
              <a:lumMod val="85000"/>
            </a:schemeClr>
          </a:solidFill>
        </p:spPr>
        <p:txBody>
          <a:bodyPr wrap="square" lIns="540000" tIns="108000"/>
          <a:lstStyle>
            <a:lvl1pPr marL="0" indent="0" algn="l">
              <a:buNone/>
              <a:defRPr sz="788"/>
            </a:lvl1pPr>
          </a:lstStyle>
          <a:p>
            <a:pPr lvl="0"/>
            <a:r>
              <a:rPr lang="da-DK" noProof="0"/>
              <a:t>Klik på ikonet for at tilføje et billede</a:t>
            </a:r>
            <a:endParaRPr lang="da-DK" noProof="0" dirty="0"/>
          </a:p>
        </p:txBody>
      </p:sp>
      <p:sp>
        <p:nvSpPr>
          <p:cNvPr id="10" name="Logo on top"/>
          <p:cNvSpPr>
            <a:spLocks noGrp="1"/>
          </p:cNvSpPr>
          <p:nvPr>
            <p:ph type="body" sz="quarter" idx="14"/>
          </p:nvPr>
        </p:nvSpPr>
        <p:spPr bwMode="white">
          <a:xfrm>
            <a:off x="6197578" y="640000"/>
            <a:ext cx="355921" cy="634052"/>
          </a:xfrm>
          <a:custGeom>
            <a:avLst/>
            <a:gdLst>
              <a:gd name="connsiteX0" fmla="*/ 4742089 w 6597829"/>
              <a:gd name="connsiteY0" fmla="*/ 1672366 h 3718082"/>
              <a:gd name="connsiteX1" fmla="*/ 4075695 w 6597829"/>
              <a:gd name="connsiteY1" fmla="*/ 2338800 h 3718082"/>
              <a:gd name="connsiteX2" fmla="*/ 4274361 w 6597829"/>
              <a:gd name="connsiteY2" fmla="*/ 2376649 h 3718082"/>
              <a:gd name="connsiteX3" fmla="*/ 4773045 w 6597829"/>
              <a:gd name="connsiteY3" fmla="*/ 1860672 h 3718082"/>
              <a:gd name="connsiteX4" fmla="*/ 4773004 w 6597829"/>
              <a:gd name="connsiteY4" fmla="*/ 1860795 h 3718082"/>
              <a:gd name="connsiteX5" fmla="*/ 4742089 w 6597829"/>
              <a:gd name="connsiteY5" fmla="*/ 1672366 h 3718082"/>
              <a:gd name="connsiteX6" fmla="*/ 4274524 w 6597829"/>
              <a:gd name="connsiteY6" fmla="*/ 1344655 h 3718082"/>
              <a:gd name="connsiteX7" fmla="*/ 3768784 w 6597829"/>
              <a:gd name="connsiteY7" fmla="*/ 1860672 h 3718082"/>
              <a:gd name="connsiteX8" fmla="*/ 3768743 w 6597829"/>
              <a:gd name="connsiteY8" fmla="*/ 1860795 h 3718082"/>
              <a:gd name="connsiteX9" fmla="*/ 3798802 w 6597829"/>
              <a:gd name="connsiteY9" fmla="*/ 2046491 h 3718082"/>
              <a:gd name="connsiteX10" fmla="*/ 4464789 w 6597829"/>
              <a:gd name="connsiteY10" fmla="*/ 1380587 h 3718082"/>
              <a:gd name="connsiteX11" fmla="*/ 4274524 w 6597829"/>
              <a:gd name="connsiteY11" fmla="*/ 1344655 h 3718082"/>
              <a:gd name="connsiteX12" fmla="*/ 2620346 w 6597829"/>
              <a:gd name="connsiteY12" fmla="*/ 995042 h 3718082"/>
              <a:gd name="connsiteX13" fmla="*/ 3077470 w 6597829"/>
              <a:gd name="connsiteY13" fmla="*/ 995042 h 3718082"/>
              <a:gd name="connsiteX14" fmla="*/ 3077470 w 6597829"/>
              <a:gd name="connsiteY14" fmla="*/ 3028808 h 3718082"/>
              <a:gd name="connsiteX15" fmla="*/ 2395251 w 6597829"/>
              <a:gd name="connsiteY15" fmla="*/ 3718082 h 3718082"/>
              <a:gd name="connsiteX16" fmla="*/ 2087035 w 6597829"/>
              <a:gd name="connsiteY16" fmla="*/ 3652254 h 3718082"/>
              <a:gd name="connsiteX17" fmla="*/ 2190956 w 6597829"/>
              <a:gd name="connsiteY17" fmla="*/ 3281841 h 3718082"/>
              <a:gd name="connsiteX18" fmla="*/ 2364050 w 6597829"/>
              <a:gd name="connsiteY18" fmla="*/ 3313001 h 3718082"/>
              <a:gd name="connsiteX19" fmla="*/ 2620346 w 6597829"/>
              <a:gd name="connsiteY19" fmla="*/ 3029053 h 3718082"/>
              <a:gd name="connsiteX20" fmla="*/ 4917793 w 6597829"/>
              <a:gd name="connsiteY20" fmla="*/ 927542 h 3718082"/>
              <a:gd name="connsiteX21" fmla="*/ 5202394 w 6597829"/>
              <a:gd name="connsiteY21" fmla="*/ 1212184 h 3718082"/>
              <a:gd name="connsiteX22" fmla="*/ 5065559 w 6597829"/>
              <a:gd name="connsiteY22" fmla="*/ 1349264 h 3718082"/>
              <a:gd name="connsiteX23" fmla="*/ 5216465 w 6597829"/>
              <a:gd name="connsiteY23" fmla="*/ 1860754 h 3718082"/>
              <a:gd name="connsiteX24" fmla="*/ 4274320 w 6597829"/>
              <a:gd name="connsiteY24" fmla="*/ 2775000 h 3718082"/>
              <a:gd name="connsiteX25" fmla="*/ 3770823 w 6597829"/>
              <a:gd name="connsiteY25" fmla="*/ 2643712 h 3718082"/>
              <a:gd name="connsiteX26" fmla="*/ 3623995 w 6597829"/>
              <a:gd name="connsiteY26" fmla="*/ 2790539 h 3718082"/>
              <a:gd name="connsiteX27" fmla="*/ 3339313 w 6597829"/>
              <a:gd name="connsiteY27" fmla="*/ 2505979 h 3718082"/>
              <a:gd name="connsiteX28" fmla="*/ 3475659 w 6597829"/>
              <a:gd name="connsiteY28" fmla="*/ 2369634 h 3718082"/>
              <a:gd name="connsiteX29" fmla="*/ 3325446 w 6597829"/>
              <a:gd name="connsiteY29" fmla="*/ 1860836 h 3718082"/>
              <a:gd name="connsiteX30" fmla="*/ 4274279 w 6597829"/>
              <a:gd name="connsiteY30" fmla="*/ 943163 h 3718082"/>
              <a:gd name="connsiteX31" fmla="*/ 4770965 w 6597829"/>
              <a:gd name="connsiteY31" fmla="*/ 1074370 h 3718082"/>
              <a:gd name="connsiteX32" fmla="*/ 470950 w 6597829"/>
              <a:gd name="connsiteY32" fmla="*/ 517119 h 3718082"/>
              <a:gd name="connsiteX33" fmla="*/ 470950 w 6597829"/>
              <a:gd name="connsiteY33" fmla="*/ 2297117 h 3718082"/>
              <a:gd name="connsiteX34" fmla="*/ 1005566 w 6597829"/>
              <a:gd name="connsiteY34" fmla="*/ 2297117 h 3718082"/>
              <a:gd name="connsiteX35" fmla="*/ 1902521 w 6597829"/>
              <a:gd name="connsiteY35" fmla="*/ 1407138 h 3718082"/>
              <a:gd name="connsiteX36" fmla="*/ 1005566 w 6597829"/>
              <a:gd name="connsiteY36" fmla="*/ 517119 h 3718082"/>
              <a:gd name="connsiteX37" fmla="*/ 0 w 6597829"/>
              <a:gd name="connsiteY37" fmla="*/ 91196 h 3718082"/>
              <a:gd name="connsiteX38" fmla="*/ 974324 w 6597829"/>
              <a:gd name="connsiteY38" fmla="*/ 91196 h 3718082"/>
              <a:gd name="connsiteX39" fmla="*/ 2376856 w 6597829"/>
              <a:gd name="connsiteY39" fmla="*/ 1407138 h 3718082"/>
              <a:gd name="connsiteX40" fmla="*/ 974324 w 6597829"/>
              <a:gd name="connsiteY40" fmla="*/ 2723080 h 3718082"/>
              <a:gd name="connsiteX41" fmla="*/ 0 w 6597829"/>
              <a:gd name="connsiteY41" fmla="*/ 2723080 h 3718082"/>
              <a:gd name="connsiteX42" fmla="*/ 6196092 w 6597829"/>
              <a:gd name="connsiteY42" fmla="*/ 0 h 3718082"/>
              <a:gd name="connsiteX43" fmla="*/ 6504307 w 6597829"/>
              <a:gd name="connsiteY43" fmla="*/ 65828 h 3718082"/>
              <a:gd name="connsiteX44" fmla="*/ 6400386 w 6597829"/>
              <a:gd name="connsiteY44" fmla="*/ 436364 h 3718082"/>
              <a:gd name="connsiteX45" fmla="*/ 6227293 w 6597829"/>
              <a:gd name="connsiteY45" fmla="*/ 405163 h 3718082"/>
              <a:gd name="connsiteX46" fmla="*/ 5970996 w 6597829"/>
              <a:gd name="connsiteY46" fmla="*/ 689152 h 3718082"/>
              <a:gd name="connsiteX47" fmla="*/ 5970996 w 6597829"/>
              <a:gd name="connsiteY47" fmla="*/ 995043 h 3718082"/>
              <a:gd name="connsiteX48" fmla="*/ 6597829 w 6597829"/>
              <a:gd name="connsiteY48" fmla="*/ 995165 h 3718082"/>
              <a:gd name="connsiteX49" fmla="*/ 6597829 w 6597829"/>
              <a:gd name="connsiteY49" fmla="*/ 1369167 h 3718082"/>
              <a:gd name="connsiteX50" fmla="*/ 5970996 w 6597829"/>
              <a:gd name="connsiteY50" fmla="*/ 1369167 h 3718082"/>
              <a:gd name="connsiteX51" fmla="*/ 5970996 w 6597829"/>
              <a:gd name="connsiteY51" fmla="*/ 2723243 h 3718082"/>
              <a:gd name="connsiteX52" fmla="*/ 5513872 w 6597829"/>
              <a:gd name="connsiteY52" fmla="*/ 2723243 h 3718082"/>
              <a:gd name="connsiteX53" fmla="*/ 5513872 w 6597829"/>
              <a:gd name="connsiteY53" fmla="*/ 1369167 h 3718082"/>
              <a:gd name="connsiteX54" fmla="*/ 5255823 w 6597829"/>
              <a:gd name="connsiteY54" fmla="*/ 1369167 h 3718082"/>
              <a:gd name="connsiteX55" fmla="*/ 5255823 w 6597829"/>
              <a:gd name="connsiteY55" fmla="*/ 995165 h 3718082"/>
              <a:gd name="connsiteX56" fmla="*/ 5513872 w 6597829"/>
              <a:gd name="connsiteY56" fmla="*/ 995165 h 3718082"/>
              <a:gd name="connsiteX57" fmla="*/ 5513872 w 6597829"/>
              <a:gd name="connsiteY57" fmla="*/ 689274 h 3718082"/>
              <a:gd name="connsiteX58" fmla="*/ 6196092 w 6597829"/>
              <a:gd name="connsiteY58" fmla="*/ 0 h 371808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6597829" h="3718082">
                <a:moveTo>
                  <a:pt x="4742089" y="1672366"/>
                </a:moveTo>
                <a:lnTo>
                  <a:pt x="4075695" y="2338800"/>
                </a:lnTo>
                <a:cubicBezTo>
                  <a:pt x="4138912" y="2363973"/>
                  <a:pt x="4206331" y="2376820"/>
                  <a:pt x="4274361" y="2376649"/>
                </a:cubicBezTo>
                <a:cubicBezTo>
                  <a:pt x="4537550" y="2376649"/>
                  <a:pt x="4773045" y="2182877"/>
                  <a:pt x="4773045" y="1860672"/>
                </a:cubicBezTo>
                <a:lnTo>
                  <a:pt x="4773004" y="1860795"/>
                </a:lnTo>
                <a:cubicBezTo>
                  <a:pt x="4773331" y="1796696"/>
                  <a:pt x="4762890" y="1733002"/>
                  <a:pt x="4742089" y="1672366"/>
                </a:cubicBezTo>
                <a:close/>
                <a:moveTo>
                  <a:pt x="4274524" y="1344655"/>
                </a:moveTo>
                <a:cubicBezTo>
                  <a:pt x="4004239" y="1344655"/>
                  <a:pt x="3768784" y="1538467"/>
                  <a:pt x="3768784" y="1860672"/>
                </a:cubicBezTo>
                <a:lnTo>
                  <a:pt x="3768743" y="1860795"/>
                </a:lnTo>
                <a:cubicBezTo>
                  <a:pt x="3768458" y="1923926"/>
                  <a:pt x="3778613" y="1986671"/>
                  <a:pt x="3798802" y="2046491"/>
                </a:cubicBezTo>
                <a:lnTo>
                  <a:pt x="4464789" y="1380587"/>
                </a:lnTo>
                <a:cubicBezTo>
                  <a:pt x="4404181" y="1356732"/>
                  <a:pt x="4339658" y="1344541"/>
                  <a:pt x="4274524" y="1344655"/>
                </a:cubicBezTo>
                <a:close/>
                <a:moveTo>
                  <a:pt x="2620346" y="995042"/>
                </a:moveTo>
                <a:lnTo>
                  <a:pt x="3077470" y="995042"/>
                </a:lnTo>
                <a:lnTo>
                  <a:pt x="3077470" y="3028808"/>
                </a:lnTo>
                <a:cubicBezTo>
                  <a:pt x="3077470" y="3441026"/>
                  <a:pt x="2803880" y="3718082"/>
                  <a:pt x="2395251" y="3718082"/>
                </a:cubicBezTo>
                <a:cubicBezTo>
                  <a:pt x="2284436" y="3718082"/>
                  <a:pt x="2184023" y="3697118"/>
                  <a:pt x="2087035" y="3652254"/>
                </a:cubicBezTo>
                <a:lnTo>
                  <a:pt x="2190956" y="3281841"/>
                </a:lnTo>
                <a:cubicBezTo>
                  <a:pt x="2253235" y="3302641"/>
                  <a:pt x="2315556" y="3313001"/>
                  <a:pt x="2364050" y="3313001"/>
                </a:cubicBezTo>
                <a:cubicBezTo>
                  <a:pt x="2516465" y="3313001"/>
                  <a:pt x="2620346" y="3198720"/>
                  <a:pt x="2620346" y="3029053"/>
                </a:cubicBezTo>
                <a:close/>
                <a:moveTo>
                  <a:pt x="4917793" y="927542"/>
                </a:moveTo>
                <a:lnTo>
                  <a:pt x="5202394" y="1212184"/>
                </a:lnTo>
                <a:lnTo>
                  <a:pt x="5065559" y="1349264"/>
                </a:lnTo>
                <a:cubicBezTo>
                  <a:pt x="5160589" y="1491483"/>
                  <a:pt x="5216465" y="1664984"/>
                  <a:pt x="5216465" y="1860754"/>
                </a:cubicBezTo>
                <a:cubicBezTo>
                  <a:pt x="5216465" y="2404464"/>
                  <a:pt x="4786831" y="2775000"/>
                  <a:pt x="4274320" y="2775000"/>
                </a:cubicBezTo>
                <a:cubicBezTo>
                  <a:pt x="4090051" y="2775000"/>
                  <a:pt x="3917243" y="2728178"/>
                  <a:pt x="3770823" y="2643712"/>
                </a:cubicBezTo>
                <a:lnTo>
                  <a:pt x="3623995" y="2790539"/>
                </a:lnTo>
                <a:lnTo>
                  <a:pt x="3339313" y="2505979"/>
                </a:lnTo>
                <a:lnTo>
                  <a:pt x="3475659" y="2369634"/>
                </a:lnTo>
                <a:cubicBezTo>
                  <a:pt x="3380873" y="2228312"/>
                  <a:pt x="3325446" y="2055790"/>
                  <a:pt x="3325446" y="1860836"/>
                </a:cubicBezTo>
                <a:cubicBezTo>
                  <a:pt x="3325446" y="1317206"/>
                  <a:pt x="3754835" y="943163"/>
                  <a:pt x="4274279" y="943163"/>
                </a:cubicBezTo>
                <a:cubicBezTo>
                  <a:pt x="4455326" y="943163"/>
                  <a:pt x="4625891" y="990026"/>
                  <a:pt x="4770965" y="1074370"/>
                </a:cubicBezTo>
                <a:close/>
                <a:moveTo>
                  <a:pt x="470950" y="517119"/>
                </a:moveTo>
                <a:lnTo>
                  <a:pt x="470950" y="2297117"/>
                </a:lnTo>
                <a:lnTo>
                  <a:pt x="1005566" y="2297117"/>
                </a:lnTo>
                <a:cubicBezTo>
                  <a:pt x="1542262" y="2297117"/>
                  <a:pt x="1902521" y="1940449"/>
                  <a:pt x="1902521" y="1407138"/>
                </a:cubicBezTo>
                <a:cubicBezTo>
                  <a:pt x="1902521" y="873828"/>
                  <a:pt x="1542344" y="517119"/>
                  <a:pt x="1005566" y="517119"/>
                </a:cubicBezTo>
                <a:close/>
                <a:moveTo>
                  <a:pt x="0" y="91196"/>
                </a:moveTo>
                <a:lnTo>
                  <a:pt x="974324" y="91196"/>
                </a:lnTo>
                <a:cubicBezTo>
                  <a:pt x="1815852" y="91196"/>
                  <a:pt x="2376856" y="617573"/>
                  <a:pt x="2376856" y="1407138"/>
                </a:cubicBezTo>
                <a:cubicBezTo>
                  <a:pt x="2376856" y="2196704"/>
                  <a:pt x="1815852" y="2723080"/>
                  <a:pt x="974324" y="2723080"/>
                </a:cubicBezTo>
                <a:lnTo>
                  <a:pt x="0" y="2723080"/>
                </a:lnTo>
                <a:close/>
                <a:moveTo>
                  <a:pt x="6196092" y="0"/>
                </a:moveTo>
                <a:cubicBezTo>
                  <a:pt x="6306906" y="0"/>
                  <a:pt x="6407320" y="20964"/>
                  <a:pt x="6504307" y="65828"/>
                </a:cubicBezTo>
                <a:lnTo>
                  <a:pt x="6400386" y="436364"/>
                </a:lnTo>
                <a:cubicBezTo>
                  <a:pt x="6338106" y="415563"/>
                  <a:pt x="6275787" y="405163"/>
                  <a:pt x="6227293" y="405163"/>
                </a:cubicBezTo>
                <a:cubicBezTo>
                  <a:pt x="6074877" y="405163"/>
                  <a:pt x="5970996" y="519485"/>
                  <a:pt x="5970996" y="689152"/>
                </a:cubicBezTo>
                <a:lnTo>
                  <a:pt x="5970996" y="995043"/>
                </a:lnTo>
                <a:lnTo>
                  <a:pt x="6597829" y="995165"/>
                </a:lnTo>
                <a:lnTo>
                  <a:pt x="6597829" y="1369167"/>
                </a:lnTo>
                <a:lnTo>
                  <a:pt x="5970996" y="1369167"/>
                </a:lnTo>
                <a:lnTo>
                  <a:pt x="5970996" y="2723243"/>
                </a:lnTo>
                <a:lnTo>
                  <a:pt x="5513872" y="2723243"/>
                </a:lnTo>
                <a:lnTo>
                  <a:pt x="5513872" y="1369167"/>
                </a:lnTo>
                <a:lnTo>
                  <a:pt x="5255823" y="1369167"/>
                </a:lnTo>
                <a:lnTo>
                  <a:pt x="5255823" y="995165"/>
                </a:lnTo>
                <a:lnTo>
                  <a:pt x="5513872" y="995165"/>
                </a:lnTo>
                <a:lnTo>
                  <a:pt x="5513872" y="689274"/>
                </a:lnTo>
                <a:cubicBezTo>
                  <a:pt x="5513872" y="277056"/>
                  <a:pt x="5787461" y="0"/>
                  <a:pt x="6196092" y="0"/>
                </a:cubicBezTo>
                <a:close/>
              </a:path>
            </a:pathLst>
          </a:custGeom>
          <a:solidFill>
            <a:srgbClr val="FFFFFF"/>
          </a:solidFill>
        </p:spPr>
        <p:txBody>
          <a:bodyPr wrap="square"/>
          <a:lstStyle>
            <a:lvl1pPr marL="0" indent="0">
              <a:buNone/>
              <a:defRPr sz="100">
                <a:noFill/>
              </a:defRPr>
            </a:lvl1pPr>
            <a:lvl2pPr>
              <a:defRPr sz="100"/>
            </a:lvl2pPr>
            <a:lvl3pPr>
              <a:defRPr sz="100"/>
            </a:lvl3pPr>
            <a:lvl4pPr>
              <a:defRPr sz="100"/>
            </a:lvl4pPr>
            <a:lvl5pPr>
              <a:defRPr sz="100"/>
            </a:lvl5pPr>
          </a:lstStyle>
          <a:p>
            <a:pPr lvl="0"/>
            <a:r>
              <a:rPr lang="da-DK" noProof="0"/>
              <a:t>Klik for at redigere teksttypografierne i masteren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 bwMode="white">
          <a:xfrm>
            <a:off x="1915650" y="3812823"/>
            <a:ext cx="3227850" cy="4448000"/>
          </a:xfrm>
        </p:spPr>
        <p:txBody>
          <a:bodyPr/>
          <a:lstStyle>
            <a:lvl1pPr algn="l">
              <a:defRPr sz="3038">
                <a:solidFill>
                  <a:schemeClr val="tx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3" name="Date Placeholder 3">
            <a:extLst>
              <a:ext uri="{FF2B5EF4-FFF2-40B4-BE49-F238E27FC236}">
                <a16:creationId xmlns:a16="http://schemas.microsoft.com/office/drawing/2014/main" id="{D8577679-80EA-6583-AD4B-7135EF9F806E}"/>
              </a:ext>
            </a:extLst>
          </p:cNvPr>
          <p:cNvSpPr>
            <a:spLocks noGrp="1"/>
          </p:cNvSpPr>
          <p:nvPr>
            <p:ph type="dt" sz="half" idx="15"/>
          </p:nvPr>
        </p:nvSpPr>
        <p:spPr bwMode="white"/>
        <p:txBody>
          <a:bodyPr/>
          <a:lstStyle>
            <a:lvl1pPr>
              <a:defRPr/>
            </a:lvl1pPr>
          </a:lstStyle>
          <a:p>
            <a:pPr>
              <a:defRPr/>
            </a:pPr>
            <a:fld id="{A1F53E68-C4BF-4446-B252-941BA285EF56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4" name="Footer Placeholder 4">
            <a:extLst>
              <a:ext uri="{FF2B5EF4-FFF2-40B4-BE49-F238E27FC236}">
                <a16:creationId xmlns:a16="http://schemas.microsoft.com/office/drawing/2014/main" id="{845F55D1-A3E5-D8DE-0DD7-B8F8D41D1823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 bwMode="white">
          <a:xfrm>
            <a:off x="1916113" y="639763"/>
            <a:ext cx="3227387" cy="32067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5" name="Slide Number Placeholder 5">
            <a:extLst>
              <a:ext uri="{FF2B5EF4-FFF2-40B4-BE49-F238E27FC236}">
                <a16:creationId xmlns:a16="http://schemas.microsoft.com/office/drawing/2014/main" id="{4CDDCC47-D78F-D505-C0A6-CAD7D607C5A2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 bwMode="white"/>
        <p:txBody>
          <a:bodyPr/>
          <a:lstStyle>
            <a:lvl1pPr>
              <a:defRPr/>
            </a:lvl1pPr>
          </a:lstStyle>
          <a:p>
            <a:pPr>
              <a:defRPr/>
            </a:pPr>
            <a:fld id="{EF761C52-ED90-41DF-9889-93B4979841D7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29214497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med helside billed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5.element bund">
            <a:extLst>
              <a:ext uri="{FF2B5EF4-FFF2-40B4-BE49-F238E27FC236}">
                <a16:creationId xmlns:a16="http://schemas.microsoft.com/office/drawing/2014/main" id="{102DB3F6-7C5A-0DB6-AFC0-CC028C924612}"/>
              </a:ext>
            </a:extLst>
          </p:cNvPr>
          <p:cNvSpPr/>
          <p:nvPr userDrawn="1"/>
        </p:nvSpPr>
        <p:spPr>
          <a:xfrm>
            <a:off x="4929188" y="6096000"/>
            <a:ext cx="1928812" cy="6096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20250" rIns="40500" bIns="2025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900" dirty="0"/>
          </a:p>
        </p:txBody>
      </p:sp>
      <p:sp>
        <p:nvSpPr>
          <p:cNvPr id="4" name="5.element top">
            <a:extLst>
              <a:ext uri="{FF2B5EF4-FFF2-40B4-BE49-F238E27FC236}">
                <a16:creationId xmlns:a16="http://schemas.microsoft.com/office/drawing/2014/main" id="{E9FFDA49-EC66-3E81-BC07-EB84B13A4173}"/>
              </a:ext>
            </a:extLst>
          </p:cNvPr>
          <p:cNvSpPr/>
          <p:nvPr/>
        </p:nvSpPr>
        <p:spPr>
          <a:xfrm>
            <a:off x="4929188" y="0"/>
            <a:ext cx="1930400" cy="6096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20250" rIns="40500" bIns="2025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900" dirty="0"/>
          </a:p>
        </p:txBody>
      </p:sp>
      <p:sp>
        <p:nvSpPr>
          <p:cNvPr id="5" name="Logo">
            <a:extLst>
              <a:ext uri="{FF2B5EF4-FFF2-40B4-BE49-F238E27FC236}">
                <a16:creationId xmlns:a16="http://schemas.microsoft.com/office/drawing/2014/main" id="{7D04B959-93AE-9381-3636-17BB4C855219}"/>
              </a:ext>
            </a:extLst>
          </p:cNvPr>
          <p:cNvSpPr/>
          <p:nvPr userDrawn="1"/>
        </p:nvSpPr>
        <p:spPr bwMode="white">
          <a:xfrm>
            <a:off x="6197600" y="639763"/>
            <a:ext cx="355600" cy="635000"/>
          </a:xfrm>
          <a:custGeom>
            <a:avLst/>
            <a:gdLst>
              <a:gd name="connsiteX0" fmla="*/ 3991223 w 5553123"/>
              <a:gd name="connsiteY0" fmla="*/ 1407246 h 3128654"/>
              <a:gd name="connsiteX1" fmla="*/ 3430346 w 5553123"/>
              <a:gd name="connsiteY1" fmla="*/ 1968030 h 3128654"/>
              <a:gd name="connsiteX2" fmla="*/ 3597555 w 5553123"/>
              <a:gd name="connsiteY2" fmla="*/ 1999879 h 3128654"/>
              <a:gd name="connsiteX3" fmla="*/ 4017277 w 5553123"/>
              <a:gd name="connsiteY3" fmla="*/ 1565700 h 3128654"/>
              <a:gd name="connsiteX4" fmla="*/ 4017243 w 5553123"/>
              <a:gd name="connsiteY4" fmla="*/ 1565803 h 3128654"/>
              <a:gd name="connsiteX5" fmla="*/ 3991223 w 5553123"/>
              <a:gd name="connsiteY5" fmla="*/ 1407246 h 3128654"/>
              <a:gd name="connsiteX6" fmla="*/ 3597692 w 5553123"/>
              <a:gd name="connsiteY6" fmla="*/ 1131487 h 3128654"/>
              <a:gd name="connsiteX7" fmla="*/ 3172031 w 5553123"/>
              <a:gd name="connsiteY7" fmla="*/ 1565700 h 3128654"/>
              <a:gd name="connsiteX8" fmla="*/ 3171997 w 5553123"/>
              <a:gd name="connsiteY8" fmla="*/ 1565803 h 3128654"/>
              <a:gd name="connsiteX9" fmla="*/ 3197296 w 5553123"/>
              <a:gd name="connsiteY9" fmla="*/ 1722061 h 3128654"/>
              <a:gd name="connsiteX10" fmla="*/ 3757830 w 5553123"/>
              <a:gd name="connsiteY10" fmla="*/ 1161723 h 3128654"/>
              <a:gd name="connsiteX11" fmla="*/ 3597692 w 5553123"/>
              <a:gd name="connsiteY11" fmla="*/ 1131487 h 3128654"/>
              <a:gd name="connsiteX12" fmla="*/ 2205438 w 5553123"/>
              <a:gd name="connsiteY12" fmla="*/ 837298 h 3128654"/>
              <a:gd name="connsiteX13" fmla="*/ 2590180 w 5553123"/>
              <a:gd name="connsiteY13" fmla="*/ 837298 h 3128654"/>
              <a:gd name="connsiteX14" fmla="*/ 2590180 w 5553123"/>
              <a:gd name="connsiteY14" fmla="*/ 2548651 h 3128654"/>
              <a:gd name="connsiteX15" fmla="*/ 2015984 w 5553123"/>
              <a:gd name="connsiteY15" fmla="*/ 3128654 h 3128654"/>
              <a:gd name="connsiteX16" fmla="*/ 1756572 w 5553123"/>
              <a:gd name="connsiteY16" fmla="*/ 3073262 h 3128654"/>
              <a:gd name="connsiteX17" fmla="*/ 1844038 w 5553123"/>
              <a:gd name="connsiteY17" fmla="*/ 2761571 h 3128654"/>
              <a:gd name="connsiteX18" fmla="*/ 1989724 w 5553123"/>
              <a:gd name="connsiteY18" fmla="*/ 2787791 h 3128654"/>
              <a:gd name="connsiteX19" fmla="*/ 2205438 w 5553123"/>
              <a:gd name="connsiteY19" fmla="*/ 2548857 h 3128654"/>
              <a:gd name="connsiteX20" fmla="*/ 4139105 w 5553123"/>
              <a:gd name="connsiteY20" fmla="*/ 780499 h 3128654"/>
              <a:gd name="connsiteX21" fmla="*/ 4378642 w 5553123"/>
              <a:gd name="connsiteY21" fmla="*/ 1020017 h 3128654"/>
              <a:gd name="connsiteX22" fmla="*/ 4263474 w 5553123"/>
              <a:gd name="connsiteY22" fmla="*/ 1135365 h 3128654"/>
              <a:gd name="connsiteX23" fmla="*/ 4390485 w 5553123"/>
              <a:gd name="connsiteY23" fmla="*/ 1565769 h 3128654"/>
              <a:gd name="connsiteX24" fmla="*/ 3597520 w 5553123"/>
              <a:gd name="connsiteY24" fmla="*/ 2335080 h 3128654"/>
              <a:gd name="connsiteX25" fmla="*/ 3173748 w 5553123"/>
              <a:gd name="connsiteY25" fmla="*/ 2224604 h 3128654"/>
              <a:gd name="connsiteX26" fmla="*/ 3050169 w 5553123"/>
              <a:gd name="connsiteY26" fmla="*/ 2348155 h 3128654"/>
              <a:gd name="connsiteX27" fmla="*/ 2810563 w 5553123"/>
              <a:gd name="connsiteY27" fmla="*/ 2108707 h 3128654"/>
              <a:gd name="connsiteX28" fmla="*/ 2925320 w 5553123"/>
              <a:gd name="connsiteY28" fmla="*/ 1993976 h 3128654"/>
              <a:gd name="connsiteX29" fmla="*/ 2798892 w 5553123"/>
              <a:gd name="connsiteY29" fmla="*/ 1565838 h 3128654"/>
              <a:gd name="connsiteX30" fmla="*/ 3597486 w 5553123"/>
              <a:gd name="connsiteY30" fmla="*/ 793644 h 3128654"/>
              <a:gd name="connsiteX31" fmla="*/ 4015526 w 5553123"/>
              <a:gd name="connsiteY31" fmla="*/ 904050 h 3128654"/>
              <a:gd name="connsiteX32" fmla="*/ 396379 w 5553123"/>
              <a:gd name="connsiteY32" fmla="*/ 435140 h 3128654"/>
              <a:gd name="connsiteX33" fmla="*/ 396379 w 5553123"/>
              <a:gd name="connsiteY33" fmla="*/ 1932956 h 3128654"/>
              <a:gd name="connsiteX34" fmla="*/ 846344 w 5553123"/>
              <a:gd name="connsiteY34" fmla="*/ 1932956 h 3128654"/>
              <a:gd name="connsiteX35" fmla="*/ 1601274 w 5553123"/>
              <a:gd name="connsiteY35" fmla="*/ 1184065 h 3128654"/>
              <a:gd name="connsiteX36" fmla="*/ 846344 w 5553123"/>
              <a:gd name="connsiteY36" fmla="*/ 435140 h 3128654"/>
              <a:gd name="connsiteX37" fmla="*/ 0 w 5553123"/>
              <a:gd name="connsiteY37" fmla="*/ 76739 h 3128654"/>
              <a:gd name="connsiteX38" fmla="*/ 820049 w 5553123"/>
              <a:gd name="connsiteY38" fmla="*/ 76739 h 3128654"/>
              <a:gd name="connsiteX39" fmla="*/ 2000502 w 5553123"/>
              <a:gd name="connsiteY39" fmla="*/ 1184065 h 3128654"/>
              <a:gd name="connsiteX40" fmla="*/ 820049 w 5553123"/>
              <a:gd name="connsiteY40" fmla="*/ 2291391 h 3128654"/>
              <a:gd name="connsiteX41" fmla="*/ 0 w 5553123"/>
              <a:gd name="connsiteY41" fmla="*/ 2291391 h 3128654"/>
              <a:gd name="connsiteX42" fmla="*/ 5214998 w 5553123"/>
              <a:gd name="connsiteY42" fmla="*/ 0 h 3128654"/>
              <a:gd name="connsiteX43" fmla="*/ 5474410 w 5553123"/>
              <a:gd name="connsiteY43" fmla="*/ 55393 h 3128654"/>
              <a:gd name="connsiteX44" fmla="*/ 5386944 w 5553123"/>
              <a:gd name="connsiteY44" fmla="*/ 367187 h 3128654"/>
              <a:gd name="connsiteX45" fmla="*/ 5241258 w 5553123"/>
              <a:gd name="connsiteY45" fmla="*/ 340932 h 3128654"/>
              <a:gd name="connsiteX46" fmla="*/ 5025544 w 5553123"/>
              <a:gd name="connsiteY46" fmla="*/ 579901 h 3128654"/>
              <a:gd name="connsiteX47" fmla="*/ 5025544 w 5553123"/>
              <a:gd name="connsiteY47" fmla="*/ 837299 h 3128654"/>
              <a:gd name="connsiteX48" fmla="*/ 5553123 w 5553123"/>
              <a:gd name="connsiteY48" fmla="*/ 837402 h 3128654"/>
              <a:gd name="connsiteX49" fmla="*/ 5553123 w 5553123"/>
              <a:gd name="connsiteY49" fmla="*/ 1152113 h 3128654"/>
              <a:gd name="connsiteX50" fmla="*/ 5025544 w 5553123"/>
              <a:gd name="connsiteY50" fmla="*/ 1152113 h 3128654"/>
              <a:gd name="connsiteX51" fmla="*/ 5025544 w 5553123"/>
              <a:gd name="connsiteY51" fmla="*/ 2291528 h 3128654"/>
              <a:gd name="connsiteX52" fmla="*/ 4640802 w 5553123"/>
              <a:gd name="connsiteY52" fmla="*/ 2291528 h 3128654"/>
              <a:gd name="connsiteX53" fmla="*/ 4640802 w 5553123"/>
              <a:gd name="connsiteY53" fmla="*/ 1152113 h 3128654"/>
              <a:gd name="connsiteX54" fmla="*/ 4423612 w 5553123"/>
              <a:gd name="connsiteY54" fmla="*/ 1152113 h 3128654"/>
              <a:gd name="connsiteX55" fmla="*/ 4423612 w 5553123"/>
              <a:gd name="connsiteY55" fmla="*/ 837402 h 3128654"/>
              <a:gd name="connsiteX56" fmla="*/ 4640802 w 5553123"/>
              <a:gd name="connsiteY56" fmla="*/ 837402 h 3128654"/>
              <a:gd name="connsiteX57" fmla="*/ 4640802 w 5553123"/>
              <a:gd name="connsiteY57" fmla="*/ 580004 h 3128654"/>
              <a:gd name="connsiteX58" fmla="*/ 5214998 w 5553123"/>
              <a:gd name="connsiteY58" fmla="*/ 0 h 31286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5553123" h="3128654">
                <a:moveTo>
                  <a:pt x="3991223" y="1407246"/>
                </a:moveTo>
                <a:lnTo>
                  <a:pt x="3430346" y="1968030"/>
                </a:lnTo>
                <a:cubicBezTo>
                  <a:pt x="3483553" y="1989213"/>
                  <a:pt x="3540297" y="2000023"/>
                  <a:pt x="3597555" y="1999879"/>
                </a:cubicBezTo>
                <a:cubicBezTo>
                  <a:pt x="3819070" y="1999879"/>
                  <a:pt x="4017277" y="1836826"/>
                  <a:pt x="4017277" y="1565700"/>
                </a:cubicBezTo>
                <a:lnTo>
                  <a:pt x="4017243" y="1565803"/>
                </a:lnTo>
                <a:cubicBezTo>
                  <a:pt x="4017518" y="1511866"/>
                  <a:pt x="4008729" y="1458269"/>
                  <a:pt x="3991223" y="1407246"/>
                </a:cubicBezTo>
                <a:close/>
                <a:moveTo>
                  <a:pt x="3597692" y="1131487"/>
                </a:moveTo>
                <a:cubicBezTo>
                  <a:pt x="3370204" y="1131487"/>
                  <a:pt x="3172031" y="1294574"/>
                  <a:pt x="3172031" y="1565700"/>
                </a:cubicBezTo>
                <a:lnTo>
                  <a:pt x="3171997" y="1565803"/>
                </a:lnTo>
                <a:cubicBezTo>
                  <a:pt x="3171757" y="1618927"/>
                  <a:pt x="3180304" y="1671724"/>
                  <a:pt x="3197296" y="1722061"/>
                </a:cubicBezTo>
                <a:lnTo>
                  <a:pt x="3757830" y="1161723"/>
                </a:lnTo>
                <a:cubicBezTo>
                  <a:pt x="3706819" y="1141649"/>
                  <a:pt x="3652513" y="1131391"/>
                  <a:pt x="3597692" y="1131487"/>
                </a:cubicBezTo>
                <a:close/>
                <a:moveTo>
                  <a:pt x="2205438" y="837298"/>
                </a:moveTo>
                <a:lnTo>
                  <a:pt x="2590180" y="837298"/>
                </a:lnTo>
                <a:lnTo>
                  <a:pt x="2590180" y="2548651"/>
                </a:lnTo>
                <a:cubicBezTo>
                  <a:pt x="2590180" y="2895520"/>
                  <a:pt x="2359911" y="3128654"/>
                  <a:pt x="2015984" y="3128654"/>
                </a:cubicBezTo>
                <a:cubicBezTo>
                  <a:pt x="1922717" y="3128654"/>
                  <a:pt x="1838202" y="3111014"/>
                  <a:pt x="1756572" y="3073262"/>
                </a:cubicBezTo>
                <a:lnTo>
                  <a:pt x="1844038" y="2761571"/>
                </a:lnTo>
                <a:cubicBezTo>
                  <a:pt x="1896456" y="2779074"/>
                  <a:pt x="1948909" y="2787791"/>
                  <a:pt x="1989724" y="2787791"/>
                </a:cubicBezTo>
                <a:cubicBezTo>
                  <a:pt x="2118006" y="2787791"/>
                  <a:pt x="2205438" y="2691627"/>
                  <a:pt x="2205438" y="2548857"/>
                </a:cubicBezTo>
                <a:close/>
                <a:moveTo>
                  <a:pt x="4139105" y="780499"/>
                </a:moveTo>
                <a:lnTo>
                  <a:pt x="4378642" y="1020017"/>
                </a:lnTo>
                <a:lnTo>
                  <a:pt x="4263474" y="1135365"/>
                </a:lnTo>
                <a:cubicBezTo>
                  <a:pt x="4343457" y="1255038"/>
                  <a:pt x="4390485" y="1401034"/>
                  <a:pt x="4390485" y="1565769"/>
                </a:cubicBezTo>
                <a:cubicBezTo>
                  <a:pt x="4390485" y="2023285"/>
                  <a:pt x="4028880" y="2335080"/>
                  <a:pt x="3597520" y="2335080"/>
                </a:cubicBezTo>
                <a:cubicBezTo>
                  <a:pt x="3442429" y="2335080"/>
                  <a:pt x="3296983" y="2295681"/>
                  <a:pt x="3173748" y="2224604"/>
                </a:cubicBezTo>
                <a:lnTo>
                  <a:pt x="3050169" y="2348155"/>
                </a:lnTo>
                <a:lnTo>
                  <a:pt x="2810563" y="2108707"/>
                </a:lnTo>
                <a:lnTo>
                  <a:pt x="2925320" y="1993976"/>
                </a:lnTo>
                <a:cubicBezTo>
                  <a:pt x="2845543" y="1875058"/>
                  <a:pt x="2798892" y="1729886"/>
                  <a:pt x="2798892" y="1565838"/>
                </a:cubicBezTo>
                <a:cubicBezTo>
                  <a:pt x="2798892" y="1108390"/>
                  <a:pt x="3160291" y="793644"/>
                  <a:pt x="3597486" y="793644"/>
                </a:cubicBezTo>
                <a:cubicBezTo>
                  <a:pt x="3749866" y="793644"/>
                  <a:pt x="3893424" y="833077"/>
                  <a:pt x="4015526" y="904050"/>
                </a:cubicBezTo>
                <a:close/>
                <a:moveTo>
                  <a:pt x="396379" y="435140"/>
                </a:moveTo>
                <a:lnTo>
                  <a:pt x="396379" y="1932956"/>
                </a:lnTo>
                <a:lnTo>
                  <a:pt x="846344" y="1932956"/>
                </a:lnTo>
                <a:cubicBezTo>
                  <a:pt x="1298059" y="1932956"/>
                  <a:pt x="1601274" y="1632830"/>
                  <a:pt x="1601274" y="1184065"/>
                </a:cubicBezTo>
                <a:cubicBezTo>
                  <a:pt x="1601274" y="735300"/>
                  <a:pt x="1298128" y="435140"/>
                  <a:pt x="846344" y="435140"/>
                </a:cubicBezTo>
                <a:close/>
                <a:moveTo>
                  <a:pt x="0" y="76739"/>
                </a:moveTo>
                <a:lnTo>
                  <a:pt x="820049" y="76739"/>
                </a:lnTo>
                <a:cubicBezTo>
                  <a:pt x="1528328" y="76739"/>
                  <a:pt x="2000502" y="519670"/>
                  <a:pt x="2000502" y="1184065"/>
                </a:cubicBezTo>
                <a:cubicBezTo>
                  <a:pt x="2000502" y="1848460"/>
                  <a:pt x="1528328" y="2291391"/>
                  <a:pt x="820049" y="2291391"/>
                </a:cubicBezTo>
                <a:lnTo>
                  <a:pt x="0" y="2291391"/>
                </a:lnTo>
                <a:close/>
                <a:moveTo>
                  <a:pt x="5214998" y="0"/>
                </a:moveTo>
                <a:cubicBezTo>
                  <a:pt x="5308265" y="0"/>
                  <a:pt x="5392780" y="17641"/>
                  <a:pt x="5474410" y="55393"/>
                </a:cubicBezTo>
                <a:lnTo>
                  <a:pt x="5386944" y="367187"/>
                </a:lnTo>
                <a:cubicBezTo>
                  <a:pt x="5334526" y="349684"/>
                  <a:pt x="5282074" y="340932"/>
                  <a:pt x="5241258" y="340932"/>
                </a:cubicBezTo>
                <a:cubicBezTo>
                  <a:pt x="5112976" y="340932"/>
                  <a:pt x="5025544" y="437131"/>
                  <a:pt x="5025544" y="579901"/>
                </a:cubicBezTo>
                <a:lnTo>
                  <a:pt x="5025544" y="837299"/>
                </a:lnTo>
                <a:lnTo>
                  <a:pt x="5553123" y="837402"/>
                </a:lnTo>
                <a:lnTo>
                  <a:pt x="5553123" y="1152113"/>
                </a:lnTo>
                <a:lnTo>
                  <a:pt x="5025544" y="1152113"/>
                </a:lnTo>
                <a:lnTo>
                  <a:pt x="5025544" y="2291528"/>
                </a:lnTo>
                <a:lnTo>
                  <a:pt x="4640802" y="2291528"/>
                </a:lnTo>
                <a:lnTo>
                  <a:pt x="4640802" y="1152113"/>
                </a:lnTo>
                <a:lnTo>
                  <a:pt x="4423612" y="1152113"/>
                </a:lnTo>
                <a:lnTo>
                  <a:pt x="4423612" y="837402"/>
                </a:lnTo>
                <a:lnTo>
                  <a:pt x="4640802" y="837402"/>
                </a:lnTo>
                <a:lnTo>
                  <a:pt x="4640802" y="580004"/>
                </a:lnTo>
                <a:cubicBezTo>
                  <a:pt x="4640802" y="233134"/>
                  <a:pt x="4871070" y="0"/>
                  <a:pt x="5214998" y="0"/>
                </a:cubicBezTo>
                <a:close/>
              </a:path>
            </a:pathLst>
          </a:custGeom>
          <a:solidFill>
            <a:srgbClr val="FFFFFF"/>
          </a:solidFill>
          <a:ln w="3432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sp>
        <p:nvSpPr>
          <p:cNvPr id="7" name="Pladsholder til billede 6"/>
          <p:cNvSpPr>
            <a:spLocks noGrp="1"/>
          </p:cNvSpPr>
          <p:nvPr>
            <p:ph type="pic" sz="quarter" idx="13"/>
          </p:nvPr>
        </p:nvSpPr>
        <p:spPr>
          <a:xfrm>
            <a:off x="1" y="0"/>
            <a:ext cx="6858675" cy="12192000"/>
          </a:xfrm>
          <a:custGeom>
            <a:avLst/>
            <a:gdLst>
              <a:gd name="connsiteX0" fmla="*/ 12193200 w 12193200"/>
              <a:gd name="connsiteY0" fmla="*/ 5143500 h 6858000"/>
              <a:gd name="connsiteX1" fmla="*/ 12193200 w 12193200"/>
              <a:gd name="connsiteY1" fmla="*/ 6858000 h 6858000"/>
              <a:gd name="connsiteX2" fmla="*/ 10478700 w 12193200"/>
              <a:gd name="connsiteY2" fmla="*/ 6858000 h 6858000"/>
              <a:gd name="connsiteX3" fmla="*/ 12193200 w 12193200"/>
              <a:gd name="connsiteY3" fmla="*/ 5143500 h 6858000"/>
              <a:gd name="connsiteX4" fmla="*/ 10478700 w 12193200"/>
              <a:gd name="connsiteY4" fmla="*/ 3429000 h 6858000"/>
              <a:gd name="connsiteX5" fmla="*/ 12193200 w 12193200"/>
              <a:gd name="connsiteY5" fmla="*/ 3429000 h 6858000"/>
              <a:gd name="connsiteX6" fmla="*/ 12193200 w 12193200"/>
              <a:gd name="connsiteY6" fmla="*/ 5143500 h 6858000"/>
              <a:gd name="connsiteX7" fmla="*/ 10478700 w 12193200"/>
              <a:gd name="connsiteY7" fmla="*/ 3429000 h 6858000"/>
              <a:gd name="connsiteX8" fmla="*/ 0 w 12193200"/>
              <a:gd name="connsiteY8" fmla="*/ 0 h 6858000"/>
              <a:gd name="connsiteX9" fmla="*/ 8764200 w 12193200"/>
              <a:gd name="connsiteY9" fmla="*/ 0 h 6858000"/>
              <a:gd name="connsiteX10" fmla="*/ 8764200 w 12193200"/>
              <a:gd name="connsiteY10" fmla="*/ 3429000 h 6858000"/>
              <a:gd name="connsiteX11" fmla="*/ 10478700 w 12193200"/>
              <a:gd name="connsiteY11" fmla="*/ 3429000 h 6858000"/>
              <a:gd name="connsiteX12" fmla="*/ 8764200 w 12193200"/>
              <a:gd name="connsiteY12" fmla="*/ 5143500 h 6858000"/>
              <a:gd name="connsiteX13" fmla="*/ 10478700 w 12193200"/>
              <a:gd name="connsiteY13" fmla="*/ 6858000 h 6858000"/>
              <a:gd name="connsiteX14" fmla="*/ 0 w 12193200"/>
              <a:gd name="connsiteY14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</a:cxnLst>
            <a:rect l="l" t="t" r="r" b="b"/>
            <a:pathLst>
              <a:path w="12193200" h="6858000">
                <a:moveTo>
                  <a:pt x="12193200" y="5143500"/>
                </a:moveTo>
                <a:lnTo>
                  <a:pt x="12193200" y="6858000"/>
                </a:lnTo>
                <a:lnTo>
                  <a:pt x="10478700" y="6858000"/>
                </a:lnTo>
                <a:cubicBezTo>
                  <a:pt x="11425592" y="6858000"/>
                  <a:pt x="12193200" y="6090392"/>
                  <a:pt x="12193200" y="5143500"/>
                </a:cubicBezTo>
                <a:close/>
                <a:moveTo>
                  <a:pt x="10478700" y="3429000"/>
                </a:moveTo>
                <a:lnTo>
                  <a:pt x="12193200" y="3429000"/>
                </a:lnTo>
                <a:lnTo>
                  <a:pt x="12193200" y="5143500"/>
                </a:lnTo>
                <a:cubicBezTo>
                  <a:pt x="12193200" y="4196608"/>
                  <a:pt x="11425592" y="3429000"/>
                  <a:pt x="10478700" y="3429000"/>
                </a:cubicBezTo>
                <a:close/>
                <a:moveTo>
                  <a:pt x="0" y="0"/>
                </a:moveTo>
                <a:lnTo>
                  <a:pt x="8764200" y="0"/>
                </a:lnTo>
                <a:lnTo>
                  <a:pt x="8764200" y="3429000"/>
                </a:lnTo>
                <a:lnTo>
                  <a:pt x="10478700" y="3429000"/>
                </a:lnTo>
                <a:cubicBezTo>
                  <a:pt x="9531808" y="3429000"/>
                  <a:pt x="8764200" y="4196608"/>
                  <a:pt x="8764200" y="5143500"/>
                </a:cubicBezTo>
                <a:cubicBezTo>
                  <a:pt x="8764200" y="6090392"/>
                  <a:pt x="9531808" y="6858000"/>
                  <a:pt x="10478700" y="6858000"/>
                </a:cubicBezTo>
                <a:lnTo>
                  <a:pt x="0" y="6858000"/>
                </a:lnTo>
                <a:close/>
              </a:path>
            </a:pathLst>
          </a:custGeom>
          <a:solidFill>
            <a:schemeClr val="bg1">
              <a:lumMod val="85000"/>
            </a:schemeClr>
          </a:solidFill>
        </p:spPr>
        <p:txBody>
          <a:bodyPr wrap="square" lIns="540000" tIns="108000"/>
          <a:lstStyle>
            <a:lvl1pPr marL="0" indent="0" algn="l">
              <a:buNone/>
              <a:defRPr sz="788"/>
            </a:lvl1pPr>
          </a:lstStyle>
          <a:p>
            <a:pPr lvl="0"/>
            <a:r>
              <a:rPr lang="da-DK" noProof="0"/>
              <a:t>Klik på ikonet for at tilføje et billede</a:t>
            </a:r>
            <a:endParaRPr lang="da-DK" noProof="0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 bwMode="white">
          <a:xfrm>
            <a:off x="303610" y="3812823"/>
            <a:ext cx="4099621" cy="4442677"/>
          </a:xfrm>
        </p:spPr>
        <p:txBody>
          <a:bodyPr anchor="ctr"/>
          <a:lstStyle>
            <a:lvl1pPr algn="l">
              <a:defRPr sz="3038"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6" name="Date Placeholder 7">
            <a:extLst>
              <a:ext uri="{FF2B5EF4-FFF2-40B4-BE49-F238E27FC236}">
                <a16:creationId xmlns:a16="http://schemas.microsoft.com/office/drawing/2014/main" id="{933019E7-C78E-2A31-6917-6100FBD355B2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 smtClean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CC456EF6-2840-4A60-8F5B-2C23E08435BC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8" name="Footer Placeholder 8">
            <a:extLst>
              <a:ext uri="{FF2B5EF4-FFF2-40B4-BE49-F238E27FC236}">
                <a16:creationId xmlns:a16="http://schemas.microsoft.com/office/drawing/2014/main" id="{95FFCA13-E730-D970-1091-665D7ADFE8C2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 dirty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9" name="Slide Number Placeholder 9">
            <a:extLst>
              <a:ext uri="{FF2B5EF4-FFF2-40B4-BE49-F238E27FC236}">
                <a16:creationId xmlns:a16="http://schemas.microsoft.com/office/drawing/2014/main" id="{D80C794E-84CA-A02B-631C-E101A713E53B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 smtClean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14E1F798-7FB7-4C21-B04F-9B3739DAFCCB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92176602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med billed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ggrund">
            <a:extLst>
              <a:ext uri="{FF2B5EF4-FFF2-40B4-BE49-F238E27FC236}">
                <a16:creationId xmlns:a16="http://schemas.microsoft.com/office/drawing/2014/main" id="{FED5BBD2-4252-8C2C-2AF8-B92A1EE95B52}"/>
              </a:ext>
            </a:extLst>
          </p:cNvPr>
          <p:cNvSpPr/>
          <p:nvPr userDrawn="1"/>
        </p:nvSpPr>
        <p:spPr bwMode="ltGray">
          <a:xfrm>
            <a:off x="0" y="0"/>
            <a:ext cx="6858000" cy="12192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20250" rIns="40500" bIns="2025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125" dirty="0"/>
          </a:p>
        </p:txBody>
      </p:sp>
      <p:sp>
        <p:nvSpPr>
          <p:cNvPr id="8" name="Picture Placeholder 7"/>
          <p:cNvSpPr>
            <a:spLocks noGrp="1"/>
          </p:cNvSpPr>
          <p:nvPr>
            <p:ph type="pic" sz="quarter" idx="13"/>
          </p:nvPr>
        </p:nvSpPr>
        <p:spPr>
          <a:xfrm>
            <a:off x="3864769" y="0"/>
            <a:ext cx="2993234" cy="12199164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lIns="360000" tIns="108000" rIns="2052000"/>
          <a:lstStyle>
            <a:lvl1pPr marL="0" indent="0" algn="l">
              <a:buNone/>
              <a:defRPr sz="788"/>
            </a:lvl1pPr>
          </a:lstStyle>
          <a:p>
            <a:pPr lvl="0"/>
            <a:r>
              <a:rPr lang="da-DK" noProof="0"/>
              <a:t>Klik på ikonet for at tilføje et billede</a:t>
            </a:r>
            <a:endParaRPr lang="da-DK" noProof="0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 bwMode="white">
          <a:xfrm>
            <a:off x="303610" y="3812821"/>
            <a:ext cx="3226297" cy="4441600"/>
          </a:xfrm>
        </p:spPr>
        <p:txBody>
          <a:bodyPr anchor="ctr"/>
          <a:lstStyle>
            <a:lvl1pPr algn="l">
              <a:defRPr sz="3038"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4" name="Logo on top"/>
          <p:cNvSpPr>
            <a:spLocks noGrp="1"/>
          </p:cNvSpPr>
          <p:nvPr>
            <p:ph type="body" sz="quarter" idx="14"/>
          </p:nvPr>
        </p:nvSpPr>
        <p:spPr bwMode="white">
          <a:xfrm>
            <a:off x="6197578" y="640000"/>
            <a:ext cx="355921" cy="634052"/>
          </a:xfrm>
          <a:custGeom>
            <a:avLst/>
            <a:gdLst>
              <a:gd name="connsiteX0" fmla="*/ 4742089 w 6597829"/>
              <a:gd name="connsiteY0" fmla="*/ 1672366 h 3718082"/>
              <a:gd name="connsiteX1" fmla="*/ 4075695 w 6597829"/>
              <a:gd name="connsiteY1" fmla="*/ 2338800 h 3718082"/>
              <a:gd name="connsiteX2" fmla="*/ 4274361 w 6597829"/>
              <a:gd name="connsiteY2" fmla="*/ 2376649 h 3718082"/>
              <a:gd name="connsiteX3" fmla="*/ 4773045 w 6597829"/>
              <a:gd name="connsiteY3" fmla="*/ 1860672 h 3718082"/>
              <a:gd name="connsiteX4" fmla="*/ 4773004 w 6597829"/>
              <a:gd name="connsiteY4" fmla="*/ 1860795 h 3718082"/>
              <a:gd name="connsiteX5" fmla="*/ 4742089 w 6597829"/>
              <a:gd name="connsiteY5" fmla="*/ 1672366 h 3718082"/>
              <a:gd name="connsiteX6" fmla="*/ 4274524 w 6597829"/>
              <a:gd name="connsiteY6" fmla="*/ 1344655 h 3718082"/>
              <a:gd name="connsiteX7" fmla="*/ 3768784 w 6597829"/>
              <a:gd name="connsiteY7" fmla="*/ 1860672 h 3718082"/>
              <a:gd name="connsiteX8" fmla="*/ 3768743 w 6597829"/>
              <a:gd name="connsiteY8" fmla="*/ 1860795 h 3718082"/>
              <a:gd name="connsiteX9" fmla="*/ 3798802 w 6597829"/>
              <a:gd name="connsiteY9" fmla="*/ 2046491 h 3718082"/>
              <a:gd name="connsiteX10" fmla="*/ 4464789 w 6597829"/>
              <a:gd name="connsiteY10" fmla="*/ 1380587 h 3718082"/>
              <a:gd name="connsiteX11" fmla="*/ 4274524 w 6597829"/>
              <a:gd name="connsiteY11" fmla="*/ 1344655 h 3718082"/>
              <a:gd name="connsiteX12" fmla="*/ 2620346 w 6597829"/>
              <a:gd name="connsiteY12" fmla="*/ 995042 h 3718082"/>
              <a:gd name="connsiteX13" fmla="*/ 3077470 w 6597829"/>
              <a:gd name="connsiteY13" fmla="*/ 995042 h 3718082"/>
              <a:gd name="connsiteX14" fmla="*/ 3077470 w 6597829"/>
              <a:gd name="connsiteY14" fmla="*/ 3028808 h 3718082"/>
              <a:gd name="connsiteX15" fmla="*/ 2395251 w 6597829"/>
              <a:gd name="connsiteY15" fmla="*/ 3718082 h 3718082"/>
              <a:gd name="connsiteX16" fmla="*/ 2087035 w 6597829"/>
              <a:gd name="connsiteY16" fmla="*/ 3652254 h 3718082"/>
              <a:gd name="connsiteX17" fmla="*/ 2190956 w 6597829"/>
              <a:gd name="connsiteY17" fmla="*/ 3281841 h 3718082"/>
              <a:gd name="connsiteX18" fmla="*/ 2364050 w 6597829"/>
              <a:gd name="connsiteY18" fmla="*/ 3313001 h 3718082"/>
              <a:gd name="connsiteX19" fmla="*/ 2620346 w 6597829"/>
              <a:gd name="connsiteY19" fmla="*/ 3029053 h 3718082"/>
              <a:gd name="connsiteX20" fmla="*/ 4917793 w 6597829"/>
              <a:gd name="connsiteY20" fmla="*/ 927542 h 3718082"/>
              <a:gd name="connsiteX21" fmla="*/ 5202394 w 6597829"/>
              <a:gd name="connsiteY21" fmla="*/ 1212184 h 3718082"/>
              <a:gd name="connsiteX22" fmla="*/ 5065559 w 6597829"/>
              <a:gd name="connsiteY22" fmla="*/ 1349264 h 3718082"/>
              <a:gd name="connsiteX23" fmla="*/ 5216465 w 6597829"/>
              <a:gd name="connsiteY23" fmla="*/ 1860754 h 3718082"/>
              <a:gd name="connsiteX24" fmla="*/ 4274320 w 6597829"/>
              <a:gd name="connsiteY24" fmla="*/ 2775000 h 3718082"/>
              <a:gd name="connsiteX25" fmla="*/ 3770823 w 6597829"/>
              <a:gd name="connsiteY25" fmla="*/ 2643712 h 3718082"/>
              <a:gd name="connsiteX26" fmla="*/ 3623995 w 6597829"/>
              <a:gd name="connsiteY26" fmla="*/ 2790539 h 3718082"/>
              <a:gd name="connsiteX27" fmla="*/ 3339313 w 6597829"/>
              <a:gd name="connsiteY27" fmla="*/ 2505979 h 3718082"/>
              <a:gd name="connsiteX28" fmla="*/ 3475659 w 6597829"/>
              <a:gd name="connsiteY28" fmla="*/ 2369634 h 3718082"/>
              <a:gd name="connsiteX29" fmla="*/ 3325446 w 6597829"/>
              <a:gd name="connsiteY29" fmla="*/ 1860836 h 3718082"/>
              <a:gd name="connsiteX30" fmla="*/ 4274279 w 6597829"/>
              <a:gd name="connsiteY30" fmla="*/ 943163 h 3718082"/>
              <a:gd name="connsiteX31" fmla="*/ 4770965 w 6597829"/>
              <a:gd name="connsiteY31" fmla="*/ 1074370 h 3718082"/>
              <a:gd name="connsiteX32" fmla="*/ 470950 w 6597829"/>
              <a:gd name="connsiteY32" fmla="*/ 517119 h 3718082"/>
              <a:gd name="connsiteX33" fmla="*/ 470950 w 6597829"/>
              <a:gd name="connsiteY33" fmla="*/ 2297117 h 3718082"/>
              <a:gd name="connsiteX34" fmla="*/ 1005566 w 6597829"/>
              <a:gd name="connsiteY34" fmla="*/ 2297117 h 3718082"/>
              <a:gd name="connsiteX35" fmla="*/ 1902521 w 6597829"/>
              <a:gd name="connsiteY35" fmla="*/ 1407138 h 3718082"/>
              <a:gd name="connsiteX36" fmla="*/ 1005566 w 6597829"/>
              <a:gd name="connsiteY36" fmla="*/ 517119 h 3718082"/>
              <a:gd name="connsiteX37" fmla="*/ 0 w 6597829"/>
              <a:gd name="connsiteY37" fmla="*/ 91196 h 3718082"/>
              <a:gd name="connsiteX38" fmla="*/ 974324 w 6597829"/>
              <a:gd name="connsiteY38" fmla="*/ 91196 h 3718082"/>
              <a:gd name="connsiteX39" fmla="*/ 2376856 w 6597829"/>
              <a:gd name="connsiteY39" fmla="*/ 1407138 h 3718082"/>
              <a:gd name="connsiteX40" fmla="*/ 974324 w 6597829"/>
              <a:gd name="connsiteY40" fmla="*/ 2723080 h 3718082"/>
              <a:gd name="connsiteX41" fmla="*/ 0 w 6597829"/>
              <a:gd name="connsiteY41" fmla="*/ 2723080 h 3718082"/>
              <a:gd name="connsiteX42" fmla="*/ 6196092 w 6597829"/>
              <a:gd name="connsiteY42" fmla="*/ 0 h 3718082"/>
              <a:gd name="connsiteX43" fmla="*/ 6504307 w 6597829"/>
              <a:gd name="connsiteY43" fmla="*/ 65828 h 3718082"/>
              <a:gd name="connsiteX44" fmla="*/ 6400386 w 6597829"/>
              <a:gd name="connsiteY44" fmla="*/ 436364 h 3718082"/>
              <a:gd name="connsiteX45" fmla="*/ 6227293 w 6597829"/>
              <a:gd name="connsiteY45" fmla="*/ 405163 h 3718082"/>
              <a:gd name="connsiteX46" fmla="*/ 5970996 w 6597829"/>
              <a:gd name="connsiteY46" fmla="*/ 689152 h 3718082"/>
              <a:gd name="connsiteX47" fmla="*/ 5970996 w 6597829"/>
              <a:gd name="connsiteY47" fmla="*/ 995043 h 3718082"/>
              <a:gd name="connsiteX48" fmla="*/ 6597829 w 6597829"/>
              <a:gd name="connsiteY48" fmla="*/ 995165 h 3718082"/>
              <a:gd name="connsiteX49" fmla="*/ 6597829 w 6597829"/>
              <a:gd name="connsiteY49" fmla="*/ 1369167 h 3718082"/>
              <a:gd name="connsiteX50" fmla="*/ 5970996 w 6597829"/>
              <a:gd name="connsiteY50" fmla="*/ 1369167 h 3718082"/>
              <a:gd name="connsiteX51" fmla="*/ 5970996 w 6597829"/>
              <a:gd name="connsiteY51" fmla="*/ 2723243 h 3718082"/>
              <a:gd name="connsiteX52" fmla="*/ 5513872 w 6597829"/>
              <a:gd name="connsiteY52" fmla="*/ 2723243 h 3718082"/>
              <a:gd name="connsiteX53" fmla="*/ 5513872 w 6597829"/>
              <a:gd name="connsiteY53" fmla="*/ 1369167 h 3718082"/>
              <a:gd name="connsiteX54" fmla="*/ 5255823 w 6597829"/>
              <a:gd name="connsiteY54" fmla="*/ 1369167 h 3718082"/>
              <a:gd name="connsiteX55" fmla="*/ 5255823 w 6597829"/>
              <a:gd name="connsiteY55" fmla="*/ 995165 h 3718082"/>
              <a:gd name="connsiteX56" fmla="*/ 5513872 w 6597829"/>
              <a:gd name="connsiteY56" fmla="*/ 995165 h 3718082"/>
              <a:gd name="connsiteX57" fmla="*/ 5513872 w 6597829"/>
              <a:gd name="connsiteY57" fmla="*/ 689274 h 3718082"/>
              <a:gd name="connsiteX58" fmla="*/ 6196092 w 6597829"/>
              <a:gd name="connsiteY58" fmla="*/ 0 h 371808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6597829" h="3718082">
                <a:moveTo>
                  <a:pt x="4742089" y="1672366"/>
                </a:moveTo>
                <a:lnTo>
                  <a:pt x="4075695" y="2338800"/>
                </a:lnTo>
                <a:cubicBezTo>
                  <a:pt x="4138912" y="2363973"/>
                  <a:pt x="4206331" y="2376820"/>
                  <a:pt x="4274361" y="2376649"/>
                </a:cubicBezTo>
                <a:cubicBezTo>
                  <a:pt x="4537550" y="2376649"/>
                  <a:pt x="4773045" y="2182877"/>
                  <a:pt x="4773045" y="1860672"/>
                </a:cubicBezTo>
                <a:lnTo>
                  <a:pt x="4773004" y="1860795"/>
                </a:lnTo>
                <a:cubicBezTo>
                  <a:pt x="4773331" y="1796696"/>
                  <a:pt x="4762890" y="1733002"/>
                  <a:pt x="4742089" y="1672366"/>
                </a:cubicBezTo>
                <a:close/>
                <a:moveTo>
                  <a:pt x="4274524" y="1344655"/>
                </a:moveTo>
                <a:cubicBezTo>
                  <a:pt x="4004239" y="1344655"/>
                  <a:pt x="3768784" y="1538467"/>
                  <a:pt x="3768784" y="1860672"/>
                </a:cubicBezTo>
                <a:lnTo>
                  <a:pt x="3768743" y="1860795"/>
                </a:lnTo>
                <a:cubicBezTo>
                  <a:pt x="3768458" y="1923926"/>
                  <a:pt x="3778613" y="1986671"/>
                  <a:pt x="3798802" y="2046491"/>
                </a:cubicBezTo>
                <a:lnTo>
                  <a:pt x="4464789" y="1380587"/>
                </a:lnTo>
                <a:cubicBezTo>
                  <a:pt x="4404181" y="1356732"/>
                  <a:pt x="4339658" y="1344541"/>
                  <a:pt x="4274524" y="1344655"/>
                </a:cubicBezTo>
                <a:close/>
                <a:moveTo>
                  <a:pt x="2620346" y="995042"/>
                </a:moveTo>
                <a:lnTo>
                  <a:pt x="3077470" y="995042"/>
                </a:lnTo>
                <a:lnTo>
                  <a:pt x="3077470" y="3028808"/>
                </a:lnTo>
                <a:cubicBezTo>
                  <a:pt x="3077470" y="3441026"/>
                  <a:pt x="2803880" y="3718082"/>
                  <a:pt x="2395251" y="3718082"/>
                </a:cubicBezTo>
                <a:cubicBezTo>
                  <a:pt x="2284436" y="3718082"/>
                  <a:pt x="2184023" y="3697118"/>
                  <a:pt x="2087035" y="3652254"/>
                </a:cubicBezTo>
                <a:lnTo>
                  <a:pt x="2190956" y="3281841"/>
                </a:lnTo>
                <a:cubicBezTo>
                  <a:pt x="2253235" y="3302641"/>
                  <a:pt x="2315556" y="3313001"/>
                  <a:pt x="2364050" y="3313001"/>
                </a:cubicBezTo>
                <a:cubicBezTo>
                  <a:pt x="2516465" y="3313001"/>
                  <a:pt x="2620346" y="3198720"/>
                  <a:pt x="2620346" y="3029053"/>
                </a:cubicBezTo>
                <a:close/>
                <a:moveTo>
                  <a:pt x="4917793" y="927542"/>
                </a:moveTo>
                <a:lnTo>
                  <a:pt x="5202394" y="1212184"/>
                </a:lnTo>
                <a:lnTo>
                  <a:pt x="5065559" y="1349264"/>
                </a:lnTo>
                <a:cubicBezTo>
                  <a:pt x="5160589" y="1491483"/>
                  <a:pt x="5216465" y="1664984"/>
                  <a:pt x="5216465" y="1860754"/>
                </a:cubicBezTo>
                <a:cubicBezTo>
                  <a:pt x="5216465" y="2404464"/>
                  <a:pt x="4786831" y="2775000"/>
                  <a:pt x="4274320" y="2775000"/>
                </a:cubicBezTo>
                <a:cubicBezTo>
                  <a:pt x="4090051" y="2775000"/>
                  <a:pt x="3917243" y="2728178"/>
                  <a:pt x="3770823" y="2643712"/>
                </a:cubicBezTo>
                <a:lnTo>
                  <a:pt x="3623995" y="2790539"/>
                </a:lnTo>
                <a:lnTo>
                  <a:pt x="3339313" y="2505979"/>
                </a:lnTo>
                <a:lnTo>
                  <a:pt x="3475659" y="2369634"/>
                </a:lnTo>
                <a:cubicBezTo>
                  <a:pt x="3380873" y="2228312"/>
                  <a:pt x="3325446" y="2055790"/>
                  <a:pt x="3325446" y="1860836"/>
                </a:cubicBezTo>
                <a:cubicBezTo>
                  <a:pt x="3325446" y="1317206"/>
                  <a:pt x="3754835" y="943163"/>
                  <a:pt x="4274279" y="943163"/>
                </a:cubicBezTo>
                <a:cubicBezTo>
                  <a:pt x="4455326" y="943163"/>
                  <a:pt x="4625891" y="990026"/>
                  <a:pt x="4770965" y="1074370"/>
                </a:cubicBezTo>
                <a:close/>
                <a:moveTo>
                  <a:pt x="470950" y="517119"/>
                </a:moveTo>
                <a:lnTo>
                  <a:pt x="470950" y="2297117"/>
                </a:lnTo>
                <a:lnTo>
                  <a:pt x="1005566" y="2297117"/>
                </a:lnTo>
                <a:cubicBezTo>
                  <a:pt x="1542262" y="2297117"/>
                  <a:pt x="1902521" y="1940449"/>
                  <a:pt x="1902521" y="1407138"/>
                </a:cubicBezTo>
                <a:cubicBezTo>
                  <a:pt x="1902521" y="873828"/>
                  <a:pt x="1542344" y="517119"/>
                  <a:pt x="1005566" y="517119"/>
                </a:cubicBezTo>
                <a:close/>
                <a:moveTo>
                  <a:pt x="0" y="91196"/>
                </a:moveTo>
                <a:lnTo>
                  <a:pt x="974324" y="91196"/>
                </a:lnTo>
                <a:cubicBezTo>
                  <a:pt x="1815852" y="91196"/>
                  <a:pt x="2376856" y="617573"/>
                  <a:pt x="2376856" y="1407138"/>
                </a:cubicBezTo>
                <a:cubicBezTo>
                  <a:pt x="2376856" y="2196704"/>
                  <a:pt x="1815852" y="2723080"/>
                  <a:pt x="974324" y="2723080"/>
                </a:cubicBezTo>
                <a:lnTo>
                  <a:pt x="0" y="2723080"/>
                </a:lnTo>
                <a:close/>
                <a:moveTo>
                  <a:pt x="6196092" y="0"/>
                </a:moveTo>
                <a:cubicBezTo>
                  <a:pt x="6306906" y="0"/>
                  <a:pt x="6407320" y="20964"/>
                  <a:pt x="6504307" y="65828"/>
                </a:cubicBezTo>
                <a:lnTo>
                  <a:pt x="6400386" y="436364"/>
                </a:lnTo>
                <a:cubicBezTo>
                  <a:pt x="6338106" y="415563"/>
                  <a:pt x="6275787" y="405163"/>
                  <a:pt x="6227293" y="405163"/>
                </a:cubicBezTo>
                <a:cubicBezTo>
                  <a:pt x="6074877" y="405163"/>
                  <a:pt x="5970996" y="519485"/>
                  <a:pt x="5970996" y="689152"/>
                </a:cubicBezTo>
                <a:lnTo>
                  <a:pt x="5970996" y="995043"/>
                </a:lnTo>
                <a:lnTo>
                  <a:pt x="6597829" y="995165"/>
                </a:lnTo>
                <a:lnTo>
                  <a:pt x="6597829" y="1369167"/>
                </a:lnTo>
                <a:lnTo>
                  <a:pt x="5970996" y="1369167"/>
                </a:lnTo>
                <a:lnTo>
                  <a:pt x="5970996" y="2723243"/>
                </a:lnTo>
                <a:lnTo>
                  <a:pt x="5513872" y="2723243"/>
                </a:lnTo>
                <a:lnTo>
                  <a:pt x="5513872" y="1369167"/>
                </a:lnTo>
                <a:lnTo>
                  <a:pt x="5255823" y="1369167"/>
                </a:lnTo>
                <a:lnTo>
                  <a:pt x="5255823" y="995165"/>
                </a:lnTo>
                <a:lnTo>
                  <a:pt x="5513872" y="995165"/>
                </a:lnTo>
                <a:lnTo>
                  <a:pt x="5513872" y="689274"/>
                </a:lnTo>
                <a:cubicBezTo>
                  <a:pt x="5513872" y="277056"/>
                  <a:pt x="5787461" y="0"/>
                  <a:pt x="6196092" y="0"/>
                </a:cubicBezTo>
                <a:close/>
              </a:path>
            </a:pathLst>
          </a:custGeom>
          <a:solidFill>
            <a:srgbClr val="FFFFFF"/>
          </a:solidFill>
        </p:spPr>
        <p:txBody>
          <a:bodyPr wrap="square"/>
          <a:lstStyle>
            <a:lvl1pPr marL="0" indent="0">
              <a:buNone/>
              <a:defRPr sz="100">
                <a:noFill/>
              </a:defRPr>
            </a:lvl1pPr>
            <a:lvl2pPr>
              <a:defRPr sz="100"/>
            </a:lvl2pPr>
            <a:lvl3pPr>
              <a:defRPr sz="100"/>
            </a:lvl3pPr>
            <a:lvl4pPr>
              <a:defRPr sz="100"/>
            </a:lvl4pPr>
            <a:lvl5pPr>
              <a:defRPr sz="100"/>
            </a:lvl5pPr>
          </a:lstStyle>
          <a:p>
            <a:pPr lvl="0"/>
            <a:r>
              <a:rPr lang="da-DK" noProof="0"/>
              <a:t>Klik for at redigere teksttypografierne i masteren</a:t>
            </a:r>
          </a:p>
        </p:txBody>
      </p:sp>
      <p:sp>
        <p:nvSpPr>
          <p:cNvPr id="5" name="Date Placeholder 6">
            <a:extLst>
              <a:ext uri="{FF2B5EF4-FFF2-40B4-BE49-F238E27FC236}">
                <a16:creationId xmlns:a16="http://schemas.microsoft.com/office/drawing/2014/main" id="{CE083476-A3E8-DD2B-4BDE-F8E34B858B4D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>
            <a:lvl1pPr>
              <a:defRPr smtClean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3664D884-5B34-47BB-8A42-00050B697CF7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6" name="Footer Placeholder 8">
            <a:extLst>
              <a:ext uri="{FF2B5EF4-FFF2-40B4-BE49-F238E27FC236}">
                <a16:creationId xmlns:a16="http://schemas.microsoft.com/office/drawing/2014/main" id="{3F4A6AD4-7FD4-2D53-F685-D4F777684D5F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1916113" y="639763"/>
            <a:ext cx="1919287" cy="320675"/>
          </a:xfrm>
        </p:spPr>
        <p:txBody>
          <a:bodyPr/>
          <a:lstStyle>
            <a:lvl1pPr>
              <a:defRPr dirty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7" name="Slide Number Placeholder 9">
            <a:extLst>
              <a:ext uri="{FF2B5EF4-FFF2-40B4-BE49-F238E27FC236}">
                <a16:creationId xmlns:a16="http://schemas.microsoft.com/office/drawing/2014/main" id="{6EAC61A9-429A-F0A2-0C0D-5BB4DB51616B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>
            <a:lvl1pPr>
              <a:defRPr smtClean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00B89C1A-FE9D-457E-BA23-CFE36BFEA60B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8352854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 slide med helside billed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Oval 9">
            <a:extLst>
              <a:ext uri="{FF2B5EF4-FFF2-40B4-BE49-F238E27FC236}">
                <a16:creationId xmlns:a16="http://schemas.microsoft.com/office/drawing/2014/main" id="{6AFCE07A-055E-9EF5-E926-3F545CB2DA42}"/>
              </a:ext>
            </a:extLst>
          </p:cNvPr>
          <p:cNvSpPr/>
          <p:nvPr userDrawn="1"/>
        </p:nvSpPr>
        <p:spPr>
          <a:xfrm rot="16200000">
            <a:off x="2898776" y="1389062"/>
            <a:ext cx="4089400" cy="1292225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20250" rIns="40500" bIns="2025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900" dirty="0">
              <a:solidFill>
                <a:schemeClr val="accent2"/>
              </a:solidFill>
            </a:endParaRPr>
          </a:p>
        </p:txBody>
      </p:sp>
      <p:sp>
        <p:nvSpPr>
          <p:cNvPr id="22" name="Pladsholder til billede 21"/>
          <p:cNvSpPr>
            <a:spLocks noGrp="1"/>
          </p:cNvSpPr>
          <p:nvPr>
            <p:ph type="pic" sz="quarter" idx="13"/>
          </p:nvPr>
        </p:nvSpPr>
        <p:spPr>
          <a:xfrm>
            <a:off x="1" y="0"/>
            <a:ext cx="6858675" cy="12192000"/>
          </a:xfrm>
          <a:custGeom>
            <a:avLst/>
            <a:gdLst>
              <a:gd name="connsiteX0" fmla="*/ 0 w 12193200"/>
              <a:gd name="connsiteY0" fmla="*/ 0 h 6858000"/>
              <a:gd name="connsiteX1" fmla="*/ 8789400 w 12193200"/>
              <a:gd name="connsiteY1" fmla="*/ 0 h 6858000"/>
              <a:gd name="connsiteX2" fmla="*/ 7646400 w 12193200"/>
              <a:gd name="connsiteY2" fmla="*/ 1143000 h 6858000"/>
              <a:gd name="connsiteX3" fmla="*/ 8789400 w 12193200"/>
              <a:gd name="connsiteY3" fmla="*/ 2286000 h 6858000"/>
              <a:gd name="connsiteX4" fmla="*/ 9932400 w 12193200"/>
              <a:gd name="connsiteY4" fmla="*/ 1143000 h 6858000"/>
              <a:gd name="connsiteX5" fmla="*/ 8789400 w 12193200"/>
              <a:gd name="connsiteY5" fmla="*/ 0 h 6858000"/>
              <a:gd name="connsiteX6" fmla="*/ 12193200 w 12193200"/>
              <a:gd name="connsiteY6" fmla="*/ 0 h 6858000"/>
              <a:gd name="connsiteX7" fmla="*/ 12193200 w 12193200"/>
              <a:gd name="connsiteY7" fmla="*/ 6858000 h 6858000"/>
              <a:gd name="connsiteX8" fmla="*/ 0 w 12193200"/>
              <a:gd name="connsiteY8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2193200" h="6858000">
                <a:moveTo>
                  <a:pt x="0" y="0"/>
                </a:moveTo>
                <a:lnTo>
                  <a:pt x="8789400" y="0"/>
                </a:lnTo>
                <a:cubicBezTo>
                  <a:pt x="8158139" y="0"/>
                  <a:pt x="7646400" y="511739"/>
                  <a:pt x="7646400" y="1143000"/>
                </a:cubicBezTo>
                <a:cubicBezTo>
                  <a:pt x="7646400" y="1774261"/>
                  <a:pt x="8158139" y="2286000"/>
                  <a:pt x="8789400" y="2286000"/>
                </a:cubicBezTo>
                <a:cubicBezTo>
                  <a:pt x="9420661" y="2286000"/>
                  <a:pt x="9932400" y="1774261"/>
                  <a:pt x="9932400" y="1143000"/>
                </a:cubicBezTo>
                <a:cubicBezTo>
                  <a:pt x="9932400" y="511739"/>
                  <a:pt x="9420661" y="0"/>
                  <a:pt x="8789400" y="0"/>
                </a:cubicBezTo>
                <a:lnTo>
                  <a:pt x="12193200" y="0"/>
                </a:lnTo>
                <a:lnTo>
                  <a:pt x="12193200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lIns="540000" tIns="108000"/>
          <a:lstStyle>
            <a:lvl1pPr marL="0" indent="0" algn="l">
              <a:buNone/>
              <a:defRPr sz="788"/>
            </a:lvl1pPr>
          </a:lstStyle>
          <a:p>
            <a:pPr lvl="0"/>
            <a:r>
              <a:rPr lang="da-DK" noProof="0"/>
              <a:t>Klik på ikonet for at tilføje et billede</a:t>
            </a:r>
            <a:endParaRPr lang="da-DK" noProof="0" dirty="0"/>
          </a:p>
        </p:txBody>
      </p:sp>
      <p:sp>
        <p:nvSpPr>
          <p:cNvPr id="23" name="Logo on top"/>
          <p:cNvSpPr>
            <a:spLocks noGrp="1"/>
          </p:cNvSpPr>
          <p:nvPr>
            <p:ph type="body" sz="quarter" idx="14"/>
          </p:nvPr>
        </p:nvSpPr>
        <p:spPr bwMode="white">
          <a:xfrm>
            <a:off x="6054750" y="640000"/>
            <a:ext cx="498480" cy="887812"/>
          </a:xfrm>
          <a:custGeom>
            <a:avLst/>
            <a:gdLst>
              <a:gd name="connsiteX0" fmla="*/ 4742089 w 6597829"/>
              <a:gd name="connsiteY0" fmla="*/ 1672366 h 3718082"/>
              <a:gd name="connsiteX1" fmla="*/ 4075695 w 6597829"/>
              <a:gd name="connsiteY1" fmla="*/ 2338800 h 3718082"/>
              <a:gd name="connsiteX2" fmla="*/ 4274361 w 6597829"/>
              <a:gd name="connsiteY2" fmla="*/ 2376649 h 3718082"/>
              <a:gd name="connsiteX3" fmla="*/ 4773045 w 6597829"/>
              <a:gd name="connsiteY3" fmla="*/ 1860672 h 3718082"/>
              <a:gd name="connsiteX4" fmla="*/ 4773004 w 6597829"/>
              <a:gd name="connsiteY4" fmla="*/ 1860795 h 3718082"/>
              <a:gd name="connsiteX5" fmla="*/ 4742089 w 6597829"/>
              <a:gd name="connsiteY5" fmla="*/ 1672366 h 3718082"/>
              <a:gd name="connsiteX6" fmla="*/ 4274524 w 6597829"/>
              <a:gd name="connsiteY6" fmla="*/ 1344655 h 3718082"/>
              <a:gd name="connsiteX7" fmla="*/ 3768784 w 6597829"/>
              <a:gd name="connsiteY7" fmla="*/ 1860672 h 3718082"/>
              <a:gd name="connsiteX8" fmla="*/ 3768743 w 6597829"/>
              <a:gd name="connsiteY8" fmla="*/ 1860795 h 3718082"/>
              <a:gd name="connsiteX9" fmla="*/ 3798802 w 6597829"/>
              <a:gd name="connsiteY9" fmla="*/ 2046491 h 3718082"/>
              <a:gd name="connsiteX10" fmla="*/ 4464789 w 6597829"/>
              <a:gd name="connsiteY10" fmla="*/ 1380587 h 3718082"/>
              <a:gd name="connsiteX11" fmla="*/ 4274524 w 6597829"/>
              <a:gd name="connsiteY11" fmla="*/ 1344655 h 3718082"/>
              <a:gd name="connsiteX12" fmla="*/ 2620346 w 6597829"/>
              <a:gd name="connsiteY12" fmla="*/ 995042 h 3718082"/>
              <a:gd name="connsiteX13" fmla="*/ 3077470 w 6597829"/>
              <a:gd name="connsiteY13" fmla="*/ 995042 h 3718082"/>
              <a:gd name="connsiteX14" fmla="*/ 3077470 w 6597829"/>
              <a:gd name="connsiteY14" fmla="*/ 3028808 h 3718082"/>
              <a:gd name="connsiteX15" fmla="*/ 2395251 w 6597829"/>
              <a:gd name="connsiteY15" fmla="*/ 3718082 h 3718082"/>
              <a:gd name="connsiteX16" fmla="*/ 2087035 w 6597829"/>
              <a:gd name="connsiteY16" fmla="*/ 3652254 h 3718082"/>
              <a:gd name="connsiteX17" fmla="*/ 2190956 w 6597829"/>
              <a:gd name="connsiteY17" fmla="*/ 3281841 h 3718082"/>
              <a:gd name="connsiteX18" fmla="*/ 2364050 w 6597829"/>
              <a:gd name="connsiteY18" fmla="*/ 3313001 h 3718082"/>
              <a:gd name="connsiteX19" fmla="*/ 2620346 w 6597829"/>
              <a:gd name="connsiteY19" fmla="*/ 3029053 h 3718082"/>
              <a:gd name="connsiteX20" fmla="*/ 4917793 w 6597829"/>
              <a:gd name="connsiteY20" fmla="*/ 927542 h 3718082"/>
              <a:gd name="connsiteX21" fmla="*/ 5202394 w 6597829"/>
              <a:gd name="connsiteY21" fmla="*/ 1212184 h 3718082"/>
              <a:gd name="connsiteX22" fmla="*/ 5065559 w 6597829"/>
              <a:gd name="connsiteY22" fmla="*/ 1349264 h 3718082"/>
              <a:gd name="connsiteX23" fmla="*/ 5216465 w 6597829"/>
              <a:gd name="connsiteY23" fmla="*/ 1860754 h 3718082"/>
              <a:gd name="connsiteX24" fmla="*/ 4274320 w 6597829"/>
              <a:gd name="connsiteY24" fmla="*/ 2775000 h 3718082"/>
              <a:gd name="connsiteX25" fmla="*/ 3770823 w 6597829"/>
              <a:gd name="connsiteY25" fmla="*/ 2643712 h 3718082"/>
              <a:gd name="connsiteX26" fmla="*/ 3623995 w 6597829"/>
              <a:gd name="connsiteY26" fmla="*/ 2790539 h 3718082"/>
              <a:gd name="connsiteX27" fmla="*/ 3339313 w 6597829"/>
              <a:gd name="connsiteY27" fmla="*/ 2505979 h 3718082"/>
              <a:gd name="connsiteX28" fmla="*/ 3475659 w 6597829"/>
              <a:gd name="connsiteY28" fmla="*/ 2369634 h 3718082"/>
              <a:gd name="connsiteX29" fmla="*/ 3325446 w 6597829"/>
              <a:gd name="connsiteY29" fmla="*/ 1860836 h 3718082"/>
              <a:gd name="connsiteX30" fmla="*/ 4274279 w 6597829"/>
              <a:gd name="connsiteY30" fmla="*/ 943163 h 3718082"/>
              <a:gd name="connsiteX31" fmla="*/ 4770965 w 6597829"/>
              <a:gd name="connsiteY31" fmla="*/ 1074370 h 3718082"/>
              <a:gd name="connsiteX32" fmla="*/ 470950 w 6597829"/>
              <a:gd name="connsiteY32" fmla="*/ 517119 h 3718082"/>
              <a:gd name="connsiteX33" fmla="*/ 470950 w 6597829"/>
              <a:gd name="connsiteY33" fmla="*/ 2297117 h 3718082"/>
              <a:gd name="connsiteX34" fmla="*/ 1005566 w 6597829"/>
              <a:gd name="connsiteY34" fmla="*/ 2297117 h 3718082"/>
              <a:gd name="connsiteX35" fmla="*/ 1902521 w 6597829"/>
              <a:gd name="connsiteY35" fmla="*/ 1407138 h 3718082"/>
              <a:gd name="connsiteX36" fmla="*/ 1005566 w 6597829"/>
              <a:gd name="connsiteY36" fmla="*/ 517119 h 3718082"/>
              <a:gd name="connsiteX37" fmla="*/ 0 w 6597829"/>
              <a:gd name="connsiteY37" fmla="*/ 91196 h 3718082"/>
              <a:gd name="connsiteX38" fmla="*/ 974324 w 6597829"/>
              <a:gd name="connsiteY38" fmla="*/ 91196 h 3718082"/>
              <a:gd name="connsiteX39" fmla="*/ 2376856 w 6597829"/>
              <a:gd name="connsiteY39" fmla="*/ 1407138 h 3718082"/>
              <a:gd name="connsiteX40" fmla="*/ 974324 w 6597829"/>
              <a:gd name="connsiteY40" fmla="*/ 2723080 h 3718082"/>
              <a:gd name="connsiteX41" fmla="*/ 0 w 6597829"/>
              <a:gd name="connsiteY41" fmla="*/ 2723080 h 3718082"/>
              <a:gd name="connsiteX42" fmla="*/ 6196092 w 6597829"/>
              <a:gd name="connsiteY42" fmla="*/ 0 h 3718082"/>
              <a:gd name="connsiteX43" fmla="*/ 6504307 w 6597829"/>
              <a:gd name="connsiteY43" fmla="*/ 65828 h 3718082"/>
              <a:gd name="connsiteX44" fmla="*/ 6400386 w 6597829"/>
              <a:gd name="connsiteY44" fmla="*/ 436364 h 3718082"/>
              <a:gd name="connsiteX45" fmla="*/ 6227293 w 6597829"/>
              <a:gd name="connsiteY45" fmla="*/ 405163 h 3718082"/>
              <a:gd name="connsiteX46" fmla="*/ 5970996 w 6597829"/>
              <a:gd name="connsiteY46" fmla="*/ 689152 h 3718082"/>
              <a:gd name="connsiteX47" fmla="*/ 5970996 w 6597829"/>
              <a:gd name="connsiteY47" fmla="*/ 995043 h 3718082"/>
              <a:gd name="connsiteX48" fmla="*/ 6597829 w 6597829"/>
              <a:gd name="connsiteY48" fmla="*/ 995165 h 3718082"/>
              <a:gd name="connsiteX49" fmla="*/ 6597829 w 6597829"/>
              <a:gd name="connsiteY49" fmla="*/ 1369167 h 3718082"/>
              <a:gd name="connsiteX50" fmla="*/ 5970996 w 6597829"/>
              <a:gd name="connsiteY50" fmla="*/ 1369167 h 3718082"/>
              <a:gd name="connsiteX51" fmla="*/ 5970996 w 6597829"/>
              <a:gd name="connsiteY51" fmla="*/ 2723243 h 3718082"/>
              <a:gd name="connsiteX52" fmla="*/ 5513872 w 6597829"/>
              <a:gd name="connsiteY52" fmla="*/ 2723243 h 3718082"/>
              <a:gd name="connsiteX53" fmla="*/ 5513872 w 6597829"/>
              <a:gd name="connsiteY53" fmla="*/ 1369167 h 3718082"/>
              <a:gd name="connsiteX54" fmla="*/ 5255823 w 6597829"/>
              <a:gd name="connsiteY54" fmla="*/ 1369167 h 3718082"/>
              <a:gd name="connsiteX55" fmla="*/ 5255823 w 6597829"/>
              <a:gd name="connsiteY55" fmla="*/ 995165 h 3718082"/>
              <a:gd name="connsiteX56" fmla="*/ 5513872 w 6597829"/>
              <a:gd name="connsiteY56" fmla="*/ 995165 h 3718082"/>
              <a:gd name="connsiteX57" fmla="*/ 5513872 w 6597829"/>
              <a:gd name="connsiteY57" fmla="*/ 689274 h 3718082"/>
              <a:gd name="connsiteX58" fmla="*/ 6196092 w 6597829"/>
              <a:gd name="connsiteY58" fmla="*/ 0 h 371808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6597829" h="3718082">
                <a:moveTo>
                  <a:pt x="4742089" y="1672366"/>
                </a:moveTo>
                <a:lnTo>
                  <a:pt x="4075695" y="2338800"/>
                </a:lnTo>
                <a:cubicBezTo>
                  <a:pt x="4138912" y="2363973"/>
                  <a:pt x="4206331" y="2376820"/>
                  <a:pt x="4274361" y="2376649"/>
                </a:cubicBezTo>
                <a:cubicBezTo>
                  <a:pt x="4537550" y="2376649"/>
                  <a:pt x="4773045" y="2182877"/>
                  <a:pt x="4773045" y="1860672"/>
                </a:cubicBezTo>
                <a:lnTo>
                  <a:pt x="4773004" y="1860795"/>
                </a:lnTo>
                <a:cubicBezTo>
                  <a:pt x="4773331" y="1796696"/>
                  <a:pt x="4762890" y="1733002"/>
                  <a:pt x="4742089" y="1672366"/>
                </a:cubicBezTo>
                <a:close/>
                <a:moveTo>
                  <a:pt x="4274524" y="1344655"/>
                </a:moveTo>
                <a:cubicBezTo>
                  <a:pt x="4004239" y="1344655"/>
                  <a:pt x="3768784" y="1538467"/>
                  <a:pt x="3768784" y="1860672"/>
                </a:cubicBezTo>
                <a:lnTo>
                  <a:pt x="3768743" y="1860795"/>
                </a:lnTo>
                <a:cubicBezTo>
                  <a:pt x="3768458" y="1923926"/>
                  <a:pt x="3778613" y="1986671"/>
                  <a:pt x="3798802" y="2046491"/>
                </a:cubicBezTo>
                <a:lnTo>
                  <a:pt x="4464789" y="1380587"/>
                </a:lnTo>
                <a:cubicBezTo>
                  <a:pt x="4404181" y="1356732"/>
                  <a:pt x="4339658" y="1344541"/>
                  <a:pt x="4274524" y="1344655"/>
                </a:cubicBezTo>
                <a:close/>
                <a:moveTo>
                  <a:pt x="2620346" y="995042"/>
                </a:moveTo>
                <a:lnTo>
                  <a:pt x="3077470" y="995042"/>
                </a:lnTo>
                <a:lnTo>
                  <a:pt x="3077470" y="3028808"/>
                </a:lnTo>
                <a:cubicBezTo>
                  <a:pt x="3077470" y="3441026"/>
                  <a:pt x="2803880" y="3718082"/>
                  <a:pt x="2395251" y="3718082"/>
                </a:cubicBezTo>
                <a:cubicBezTo>
                  <a:pt x="2284436" y="3718082"/>
                  <a:pt x="2184023" y="3697118"/>
                  <a:pt x="2087035" y="3652254"/>
                </a:cubicBezTo>
                <a:lnTo>
                  <a:pt x="2190956" y="3281841"/>
                </a:lnTo>
                <a:cubicBezTo>
                  <a:pt x="2253235" y="3302641"/>
                  <a:pt x="2315556" y="3313001"/>
                  <a:pt x="2364050" y="3313001"/>
                </a:cubicBezTo>
                <a:cubicBezTo>
                  <a:pt x="2516465" y="3313001"/>
                  <a:pt x="2620346" y="3198720"/>
                  <a:pt x="2620346" y="3029053"/>
                </a:cubicBezTo>
                <a:close/>
                <a:moveTo>
                  <a:pt x="4917793" y="927542"/>
                </a:moveTo>
                <a:lnTo>
                  <a:pt x="5202394" y="1212184"/>
                </a:lnTo>
                <a:lnTo>
                  <a:pt x="5065559" y="1349264"/>
                </a:lnTo>
                <a:cubicBezTo>
                  <a:pt x="5160589" y="1491483"/>
                  <a:pt x="5216465" y="1664984"/>
                  <a:pt x="5216465" y="1860754"/>
                </a:cubicBezTo>
                <a:cubicBezTo>
                  <a:pt x="5216465" y="2404464"/>
                  <a:pt x="4786831" y="2775000"/>
                  <a:pt x="4274320" y="2775000"/>
                </a:cubicBezTo>
                <a:cubicBezTo>
                  <a:pt x="4090051" y="2775000"/>
                  <a:pt x="3917243" y="2728178"/>
                  <a:pt x="3770823" y="2643712"/>
                </a:cubicBezTo>
                <a:lnTo>
                  <a:pt x="3623995" y="2790539"/>
                </a:lnTo>
                <a:lnTo>
                  <a:pt x="3339313" y="2505979"/>
                </a:lnTo>
                <a:lnTo>
                  <a:pt x="3475659" y="2369634"/>
                </a:lnTo>
                <a:cubicBezTo>
                  <a:pt x="3380873" y="2228312"/>
                  <a:pt x="3325446" y="2055790"/>
                  <a:pt x="3325446" y="1860836"/>
                </a:cubicBezTo>
                <a:cubicBezTo>
                  <a:pt x="3325446" y="1317206"/>
                  <a:pt x="3754835" y="943163"/>
                  <a:pt x="4274279" y="943163"/>
                </a:cubicBezTo>
                <a:cubicBezTo>
                  <a:pt x="4455326" y="943163"/>
                  <a:pt x="4625891" y="990026"/>
                  <a:pt x="4770965" y="1074370"/>
                </a:cubicBezTo>
                <a:close/>
                <a:moveTo>
                  <a:pt x="470950" y="517119"/>
                </a:moveTo>
                <a:lnTo>
                  <a:pt x="470950" y="2297117"/>
                </a:lnTo>
                <a:lnTo>
                  <a:pt x="1005566" y="2297117"/>
                </a:lnTo>
                <a:cubicBezTo>
                  <a:pt x="1542262" y="2297117"/>
                  <a:pt x="1902521" y="1940449"/>
                  <a:pt x="1902521" y="1407138"/>
                </a:cubicBezTo>
                <a:cubicBezTo>
                  <a:pt x="1902521" y="873828"/>
                  <a:pt x="1542344" y="517119"/>
                  <a:pt x="1005566" y="517119"/>
                </a:cubicBezTo>
                <a:close/>
                <a:moveTo>
                  <a:pt x="0" y="91196"/>
                </a:moveTo>
                <a:lnTo>
                  <a:pt x="974324" y="91196"/>
                </a:lnTo>
                <a:cubicBezTo>
                  <a:pt x="1815852" y="91196"/>
                  <a:pt x="2376856" y="617573"/>
                  <a:pt x="2376856" y="1407138"/>
                </a:cubicBezTo>
                <a:cubicBezTo>
                  <a:pt x="2376856" y="2196704"/>
                  <a:pt x="1815852" y="2723080"/>
                  <a:pt x="974324" y="2723080"/>
                </a:cubicBezTo>
                <a:lnTo>
                  <a:pt x="0" y="2723080"/>
                </a:lnTo>
                <a:close/>
                <a:moveTo>
                  <a:pt x="6196092" y="0"/>
                </a:moveTo>
                <a:cubicBezTo>
                  <a:pt x="6306906" y="0"/>
                  <a:pt x="6407320" y="20964"/>
                  <a:pt x="6504307" y="65828"/>
                </a:cubicBezTo>
                <a:lnTo>
                  <a:pt x="6400386" y="436364"/>
                </a:lnTo>
                <a:cubicBezTo>
                  <a:pt x="6338106" y="415563"/>
                  <a:pt x="6275787" y="405163"/>
                  <a:pt x="6227293" y="405163"/>
                </a:cubicBezTo>
                <a:cubicBezTo>
                  <a:pt x="6074877" y="405163"/>
                  <a:pt x="5970996" y="519485"/>
                  <a:pt x="5970996" y="689152"/>
                </a:cubicBezTo>
                <a:lnTo>
                  <a:pt x="5970996" y="995043"/>
                </a:lnTo>
                <a:lnTo>
                  <a:pt x="6597829" y="995165"/>
                </a:lnTo>
                <a:lnTo>
                  <a:pt x="6597829" y="1369167"/>
                </a:lnTo>
                <a:lnTo>
                  <a:pt x="5970996" y="1369167"/>
                </a:lnTo>
                <a:lnTo>
                  <a:pt x="5970996" y="2723243"/>
                </a:lnTo>
                <a:lnTo>
                  <a:pt x="5513872" y="2723243"/>
                </a:lnTo>
                <a:lnTo>
                  <a:pt x="5513872" y="1369167"/>
                </a:lnTo>
                <a:lnTo>
                  <a:pt x="5255823" y="1369167"/>
                </a:lnTo>
                <a:lnTo>
                  <a:pt x="5255823" y="995165"/>
                </a:lnTo>
                <a:lnTo>
                  <a:pt x="5513872" y="995165"/>
                </a:lnTo>
                <a:lnTo>
                  <a:pt x="5513872" y="689274"/>
                </a:lnTo>
                <a:cubicBezTo>
                  <a:pt x="5513872" y="277056"/>
                  <a:pt x="5787461" y="0"/>
                  <a:pt x="6196092" y="0"/>
                </a:cubicBezTo>
                <a:close/>
              </a:path>
            </a:pathLst>
          </a:custGeom>
          <a:solidFill>
            <a:srgbClr val="FFFFFF"/>
          </a:solidFill>
        </p:spPr>
        <p:txBody>
          <a:bodyPr wrap="square"/>
          <a:lstStyle>
            <a:lvl1pPr marL="0" indent="0">
              <a:buNone/>
              <a:defRPr sz="100">
                <a:noFill/>
              </a:defRPr>
            </a:lvl1pPr>
            <a:lvl2pPr>
              <a:defRPr sz="100"/>
            </a:lvl2pPr>
            <a:lvl3pPr>
              <a:defRPr sz="100"/>
            </a:lvl3pPr>
            <a:lvl4pPr>
              <a:defRPr sz="100"/>
            </a:lvl4pPr>
            <a:lvl5pPr>
              <a:defRPr sz="100"/>
            </a:lvl5pPr>
          </a:lstStyle>
          <a:p>
            <a:pPr lvl="0"/>
            <a:r>
              <a:rPr lang="da-DK" noProof="0"/>
              <a:t>Klik for at redigere teksttypografierne i masteren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 bwMode="white">
          <a:xfrm>
            <a:off x="303751" y="637822"/>
            <a:ext cx="4099479" cy="320000"/>
          </a:xfrm>
        </p:spPr>
        <p:txBody>
          <a:bodyPr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506">
                <a:solidFill>
                  <a:schemeClr val="bg1"/>
                </a:solidFill>
              </a:defRPr>
            </a:lvl1pPr>
            <a:lvl2pPr marL="0" indent="0" algn="l">
              <a:buFont typeface="Arial" panose="020B0604020202020204" pitchFamily="34" charset="0"/>
              <a:buChar char="​"/>
              <a:defRPr sz="1125"/>
            </a:lvl2pPr>
            <a:lvl3pPr marL="0" indent="0" algn="l">
              <a:buFont typeface="Arial" panose="020B0604020202020204" pitchFamily="34" charset="0"/>
              <a:buChar char="​"/>
              <a:defRPr sz="1125"/>
            </a:lvl3pPr>
            <a:lvl4pPr marL="0" indent="0" algn="l">
              <a:buFont typeface="Arial" panose="020B0604020202020204" pitchFamily="34" charset="0"/>
              <a:buChar char="​"/>
              <a:defRPr sz="1125"/>
            </a:lvl4pPr>
            <a:lvl5pPr marL="0" indent="0" algn="l">
              <a:buFont typeface="Arial" panose="020B0604020202020204" pitchFamily="34" charset="0"/>
              <a:buChar char="​"/>
              <a:defRPr sz="1125"/>
            </a:lvl5pPr>
            <a:lvl6pPr marL="0" indent="0" algn="l">
              <a:buFont typeface="Arial" panose="020B0604020202020204" pitchFamily="34" charset="0"/>
              <a:buChar char="​"/>
              <a:defRPr sz="1125"/>
            </a:lvl6pPr>
            <a:lvl7pPr marL="0" indent="0" algn="l">
              <a:buFont typeface="Arial" panose="020B0604020202020204" pitchFamily="34" charset="0"/>
              <a:buChar char="​"/>
              <a:defRPr sz="1125"/>
            </a:lvl7pPr>
            <a:lvl8pPr marL="0" indent="0" algn="l">
              <a:buFont typeface="Arial" panose="020B0604020202020204" pitchFamily="34" charset="0"/>
              <a:buChar char="​"/>
              <a:defRPr sz="1125"/>
            </a:lvl8pPr>
            <a:lvl9pPr marL="0" indent="0" algn="l">
              <a:buFont typeface="Arial" panose="020B0604020202020204" pitchFamily="34" charset="0"/>
              <a:buChar char="​"/>
              <a:defRPr sz="1125"/>
            </a:lvl9pPr>
          </a:lstStyle>
          <a:p>
            <a:r>
              <a:rPr lang="da-DK"/>
              <a:t>Klik for at redigere undertiteltypografien i masteren</a:t>
            </a:r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 bwMode="white">
          <a:xfrm>
            <a:off x="303610" y="3812823"/>
            <a:ext cx="4099621" cy="4442677"/>
          </a:xfrm>
        </p:spPr>
        <p:txBody>
          <a:bodyPr anchor="ctr"/>
          <a:lstStyle>
            <a:lvl1pPr algn="l">
              <a:defRPr sz="3038"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17" name="Pladsholder til tekst 9"/>
          <p:cNvSpPr>
            <a:spLocks noGrp="1"/>
          </p:cNvSpPr>
          <p:nvPr>
            <p:ph type="body" sz="quarter" idx="21"/>
          </p:nvPr>
        </p:nvSpPr>
        <p:spPr>
          <a:xfrm>
            <a:off x="4301560" y="4064000"/>
            <a:ext cx="1285875" cy="4064000"/>
          </a:xfrm>
          <a:prstGeom prst="ellipse">
            <a:avLst/>
          </a:prstGeom>
          <a:solidFill>
            <a:schemeClr val="accent1"/>
          </a:solidFill>
        </p:spPr>
        <p:txBody>
          <a:bodyPr/>
          <a:lstStyle>
            <a:lvl1pPr>
              <a:defRPr>
                <a:noFill/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2AEAF4B-1CC8-B573-9AB7-C3B4AD9E52BD}"/>
              </a:ext>
            </a:extLst>
          </p:cNvPr>
          <p:cNvSpPr>
            <a:spLocks noGrp="1"/>
          </p:cNvSpPr>
          <p:nvPr>
            <p:ph type="dt" sz="half" idx="22"/>
          </p:nvPr>
        </p:nvSpPr>
        <p:spPr bwMode="white">
          <a:xfrm>
            <a:off x="303213" y="11231563"/>
            <a:ext cx="873125" cy="319087"/>
          </a:xfrm>
        </p:spPr>
        <p:txBody>
          <a:bodyPr anchor="b"/>
          <a:lstStyle>
            <a:lvl1pPr>
              <a:defRPr sz="506" smtClean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5E4B7B55-886D-4232-B805-F26FE21FFAC3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858453B-8149-220D-82E9-78F7EA8A8403}"/>
              </a:ext>
            </a:extLst>
          </p:cNvPr>
          <p:cNvSpPr>
            <a:spLocks noGrp="1"/>
          </p:cNvSpPr>
          <p:nvPr>
            <p:ph type="ftr" sz="quarter" idx="23"/>
          </p:nvPr>
        </p:nvSpPr>
        <p:spPr bwMode="white">
          <a:xfrm>
            <a:off x="1379538" y="11231563"/>
            <a:ext cx="3024187" cy="319087"/>
          </a:xfrm>
        </p:spPr>
        <p:txBody>
          <a:bodyPr anchor="b"/>
          <a:lstStyle>
            <a:lvl1pPr>
              <a:defRPr sz="506" dirty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7" name="Slide Number Placeholder 14" hidden="1">
            <a:extLst>
              <a:ext uri="{FF2B5EF4-FFF2-40B4-BE49-F238E27FC236}">
                <a16:creationId xmlns:a16="http://schemas.microsoft.com/office/drawing/2014/main" id="{83FBDB13-8C24-74AD-0359-21B7ACD3B5FD}"/>
              </a:ext>
            </a:extLst>
          </p:cNvPr>
          <p:cNvSpPr>
            <a:spLocks noGrp="1"/>
          </p:cNvSpPr>
          <p:nvPr>
            <p:ph type="sldNum" sz="quarter" idx="24"/>
          </p:nvPr>
        </p:nvSpPr>
        <p:spPr>
          <a:xfrm>
            <a:off x="0" y="12192000"/>
            <a:ext cx="0" cy="0"/>
          </a:xfrm>
        </p:spPr>
        <p:txBody>
          <a:bodyPr/>
          <a:lstStyle>
            <a:lvl1pPr>
              <a:defRPr smtClean="0">
                <a:noFill/>
              </a:defRPr>
            </a:lvl1pPr>
          </a:lstStyle>
          <a:p>
            <a:pPr>
              <a:defRPr/>
            </a:pPr>
            <a:fld id="{3BF2BFF3-D367-4ADF-BBFE-472FC46FB438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26075738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mph" presetSubtype="2" repeatCount="indefinite" decel="92000" autoRev="1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>
                                        <p:cTn id="6" dur="9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chemeClr val="accent1"/>
                                      </p:to>
                                    </p:animClr>
                                    <p:set>
                                      <p:cBhvr>
                                        <p:cTn id="7" dur="9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8" dur="9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animBg="1"/>
    </p:bldLst>
  </p:timing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med billed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ggrund">
            <a:extLst>
              <a:ext uri="{FF2B5EF4-FFF2-40B4-BE49-F238E27FC236}">
                <a16:creationId xmlns:a16="http://schemas.microsoft.com/office/drawing/2014/main" id="{7779D368-C893-9178-3EA9-4DE6EB7BC907}"/>
              </a:ext>
            </a:extLst>
          </p:cNvPr>
          <p:cNvSpPr/>
          <p:nvPr userDrawn="1"/>
        </p:nvSpPr>
        <p:spPr bwMode="white">
          <a:xfrm>
            <a:off x="0" y="0"/>
            <a:ext cx="6858000" cy="12192000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20250" rIns="40500" bIns="2025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125" dirty="0"/>
          </a:p>
        </p:txBody>
      </p:sp>
      <p:sp>
        <p:nvSpPr>
          <p:cNvPr id="8" name="Picture Placeholder 7"/>
          <p:cNvSpPr>
            <a:spLocks noGrp="1"/>
          </p:cNvSpPr>
          <p:nvPr>
            <p:ph type="pic" sz="quarter" idx="13"/>
          </p:nvPr>
        </p:nvSpPr>
        <p:spPr>
          <a:xfrm>
            <a:off x="3864769" y="0"/>
            <a:ext cx="2993234" cy="12199164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lIns="360000" tIns="108000" rIns="2052000"/>
          <a:lstStyle>
            <a:lvl1pPr marL="0" indent="0" algn="l">
              <a:buNone/>
              <a:defRPr sz="788"/>
            </a:lvl1pPr>
          </a:lstStyle>
          <a:p>
            <a:pPr lvl="0"/>
            <a:r>
              <a:rPr lang="da-DK" noProof="0"/>
              <a:t>Klik på ikonet for at tilføje et billede</a:t>
            </a:r>
            <a:endParaRPr lang="da-DK" noProof="0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03610" y="3812821"/>
            <a:ext cx="3226297" cy="4441600"/>
          </a:xfrm>
        </p:spPr>
        <p:txBody>
          <a:bodyPr anchor="ctr"/>
          <a:lstStyle>
            <a:lvl1pPr algn="l">
              <a:defRPr sz="3038">
                <a:solidFill>
                  <a:schemeClr val="accent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4" name="Logo on top"/>
          <p:cNvSpPr>
            <a:spLocks noGrp="1"/>
          </p:cNvSpPr>
          <p:nvPr>
            <p:ph type="body" sz="quarter" idx="14"/>
          </p:nvPr>
        </p:nvSpPr>
        <p:spPr bwMode="white">
          <a:xfrm>
            <a:off x="6197578" y="640000"/>
            <a:ext cx="355921" cy="634052"/>
          </a:xfrm>
          <a:custGeom>
            <a:avLst/>
            <a:gdLst>
              <a:gd name="connsiteX0" fmla="*/ 4742089 w 6597829"/>
              <a:gd name="connsiteY0" fmla="*/ 1672366 h 3718082"/>
              <a:gd name="connsiteX1" fmla="*/ 4075695 w 6597829"/>
              <a:gd name="connsiteY1" fmla="*/ 2338800 h 3718082"/>
              <a:gd name="connsiteX2" fmla="*/ 4274361 w 6597829"/>
              <a:gd name="connsiteY2" fmla="*/ 2376649 h 3718082"/>
              <a:gd name="connsiteX3" fmla="*/ 4773045 w 6597829"/>
              <a:gd name="connsiteY3" fmla="*/ 1860672 h 3718082"/>
              <a:gd name="connsiteX4" fmla="*/ 4773004 w 6597829"/>
              <a:gd name="connsiteY4" fmla="*/ 1860795 h 3718082"/>
              <a:gd name="connsiteX5" fmla="*/ 4742089 w 6597829"/>
              <a:gd name="connsiteY5" fmla="*/ 1672366 h 3718082"/>
              <a:gd name="connsiteX6" fmla="*/ 4274524 w 6597829"/>
              <a:gd name="connsiteY6" fmla="*/ 1344655 h 3718082"/>
              <a:gd name="connsiteX7" fmla="*/ 3768784 w 6597829"/>
              <a:gd name="connsiteY7" fmla="*/ 1860672 h 3718082"/>
              <a:gd name="connsiteX8" fmla="*/ 3768743 w 6597829"/>
              <a:gd name="connsiteY8" fmla="*/ 1860795 h 3718082"/>
              <a:gd name="connsiteX9" fmla="*/ 3798802 w 6597829"/>
              <a:gd name="connsiteY9" fmla="*/ 2046491 h 3718082"/>
              <a:gd name="connsiteX10" fmla="*/ 4464789 w 6597829"/>
              <a:gd name="connsiteY10" fmla="*/ 1380587 h 3718082"/>
              <a:gd name="connsiteX11" fmla="*/ 4274524 w 6597829"/>
              <a:gd name="connsiteY11" fmla="*/ 1344655 h 3718082"/>
              <a:gd name="connsiteX12" fmla="*/ 2620346 w 6597829"/>
              <a:gd name="connsiteY12" fmla="*/ 995042 h 3718082"/>
              <a:gd name="connsiteX13" fmla="*/ 3077470 w 6597829"/>
              <a:gd name="connsiteY13" fmla="*/ 995042 h 3718082"/>
              <a:gd name="connsiteX14" fmla="*/ 3077470 w 6597829"/>
              <a:gd name="connsiteY14" fmla="*/ 3028808 h 3718082"/>
              <a:gd name="connsiteX15" fmla="*/ 2395251 w 6597829"/>
              <a:gd name="connsiteY15" fmla="*/ 3718082 h 3718082"/>
              <a:gd name="connsiteX16" fmla="*/ 2087035 w 6597829"/>
              <a:gd name="connsiteY16" fmla="*/ 3652254 h 3718082"/>
              <a:gd name="connsiteX17" fmla="*/ 2190956 w 6597829"/>
              <a:gd name="connsiteY17" fmla="*/ 3281841 h 3718082"/>
              <a:gd name="connsiteX18" fmla="*/ 2364050 w 6597829"/>
              <a:gd name="connsiteY18" fmla="*/ 3313001 h 3718082"/>
              <a:gd name="connsiteX19" fmla="*/ 2620346 w 6597829"/>
              <a:gd name="connsiteY19" fmla="*/ 3029053 h 3718082"/>
              <a:gd name="connsiteX20" fmla="*/ 4917793 w 6597829"/>
              <a:gd name="connsiteY20" fmla="*/ 927542 h 3718082"/>
              <a:gd name="connsiteX21" fmla="*/ 5202394 w 6597829"/>
              <a:gd name="connsiteY21" fmla="*/ 1212184 h 3718082"/>
              <a:gd name="connsiteX22" fmla="*/ 5065559 w 6597829"/>
              <a:gd name="connsiteY22" fmla="*/ 1349264 h 3718082"/>
              <a:gd name="connsiteX23" fmla="*/ 5216465 w 6597829"/>
              <a:gd name="connsiteY23" fmla="*/ 1860754 h 3718082"/>
              <a:gd name="connsiteX24" fmla="*/ 4274320 w 6597829"/>
              <a:gd name="connsiteY24" fmla="*/ 2775000 h 3718082"/>
              <a:gd name="connsiteX25" fmla="*/ 3770823 w 6597829"/>
              <a:gd name="connsiteY25" fmla="*/ 2643712 h 3718082"/>
              <a:gd name="connsiteX26" fmla="*/ 3623995 w 6597829"/>
              <a:gd name="connsiteY26" fmla="*/ 2790539 h 3718082"/>
              <a:gd name="connsiteX27" fmla="*/ 3339313 w 6597829"/>
              <a:gd name="connsiteY27" fmla="*/ 2505979 h 3718082"/>
              <a:gd name="connsiteX28" fmla="*/ 3475659 w 6597829"/>
              <a:gd name="connsiteY28" fmla="*/ 2369634 h 3718082"/>
              <a:gd name="connsiteX29" fmla="*/ 3325446 w 6597829"/>
              <a:gd name="connsiteY29" fmla="*/ 1860836 h 3718082"/>
              <a:gd name="connsiteX30" fmla="*/ 4274279 w 6597829"/>
              <a:gd name="connsiteY30" fmla="*/ 943163 h 3718082"/>
              <a:gd name="connsiteX31" fmla="*/ 4770965 w 6597829"/>
              <a:gd name="connsiteY31" fmla="*/ 1074370 h 3718082"/>
              <a:gd name="connsiteX32" fmla="*/ 470950 w 6597829"/>
              <a:gd name="connsiteY32" fmla="*/ 517119 h 3718082"/>
              <a:gd name="connsiteX33" fmla="*/ 470950 w 6597829"/>
              <a:gd name="connsiteY33" fmla="*/ 2297117 h 3718082"/>
              <a:gd name="connsiteX34" fmla="*/ 1005566 w 6597829"/>
              <a:gd name="connsiteY34" fmla="*/ 2297117 h 3718082"/>
              <a:gd name="connsiteX35" fmla="*/ 1902521 w 6597829"/>
              <a:gd name="connsiteY35" fmla="*/ 1407138 h 3718082"/>
              <a:gd name="connsiteX36" fmla="*/ 1005566 w 6597829"/>
              <a:gd name="connsiteY36" fmla="*/ 517119 h 3718082"/>
              <a:gd name="connsiteX37" fmla="*/ 0 w 6597829"/>
              <a:gd name="connsiteY37" fmla="*/ 91196 h 3718082"/>
              <a:gd name="connsiteX38" fmla="*/ 974324 w 6597829"/>
              <a:gd name="connsiteY38" fmla="*/ 91196 h 3718082"/>
              <a:gd name="connsiteX39" fmla="*/ 2376856 w 6597829"/>
              <a:gd name="connsiteY39" fmla="*/ 1407138 h 3718082"/>
              <a:gd name="connsiteX40" fmla="*/ 974324 w 6597829"/>
              <a:gd name="connsiteY40" fmla="*/ 2723080 h 3718082"/>
              <a:gd name="connsiteX41" fmla="*/ 0 w 6597829"/>
              <a:gd name="connsiteY41" fmla="*/ 2723080 h 3718082"/>
              <a:gd name="connsiteX42" fmla="*/ 6196092 w 6597829"/>
              <a:gd name="connsiteY42" fmla="*/ 0 h 3718082"/>
              <a:gd name="connsiteX43" fmla="*/ 6504307 w 6597829"/>
              <a:gd name="connsiteY43" fmla="*/ 65828 h 3718082"/>
              <a:gd name="connsiteX44" fmla="*/ 6400386 w 6597829"/>
              <a:gd name="connsiteY44" fmla="*/ 436364 h 3718082"/>
              <a:gd name="connsiteX45" fmla="*/ 6227293 w 6597829"/>
              <a:gd name="connsiteY45" fmla="*/ 405163 h 3718082"/>
              <a:gd name="connsiteX46" fmla="*/ 5970996 w 6597829"/>
              <a:gd name="connsiteY46" fmla="*/ 689152 h 3718082"/>
              <a:gd name="connsiteX47" fmla="*/ 5970996 w 6597829"/>
              <a:gd name="connsiteY47" fmla="*/ 995043 h 3718082"/>
              <a:gd name="connsiteX48" fmla="*/ 6597829 w 6597829"/>
              <a:gd name="connsiteY48" fmla="*/ 995165 h 3718082"/>
              <a:gd name="connsiteX49" fmla="*/ 6597829 w 6597829"/>
              <a:gd name="connsiteY49" fmla="*/ 1369167 h 3718082"/>
              <a:gd name="connsiteX50" fmla="*/ 5970996 w 6597829"/>
              <a:gd name="connsiteY50" fmla="*/ 1369167 h 3718082"/>
              <a:gd name="connsiteX51" fmla="*/ 5970996 w 6597829"/>
              <a:gd name="connsiteY51" fmla="*/ 2723243 h 3718082"/>
              <a:gd name="connsiteX52" fmla="*/ 5513872 w 6597829"/>
              <a:gd name="connsiteY52" fmla="*/ 2723243 h 3718082"/>
              <a:gd name="connsiteX53" fmla="*/ 5513872 w 6597829"/>
              <a:gd name="connsiteY53" fmla="*/ 1369167 h 3718082"/>
              <a:gd name="connsiteX54" fmla="*/ 5255823 w 6597829"/>
              <a:gd name="connsiteY54" fmla="*/ 1369167 h 3718082"/>
              <a:gd name="connsiteX55" fmla="*/ 5255823 w 6597829"/>
              <a:gd name="connsiteY55" fmla="*/ 995165 h 3718082"/>
              <a:gd name="connsiteX56" fmla="*/ 5513872 w 6597829"/>
              <a:gd name="connsiteY56" fmla="*/ 995165 h 3718082"/>
              <a:gd name="connsiteX57" fmla="*/ 5513872 w 6597829"/>
              <a:gd name="connsiteY57" fmla="*/ 689274 h 3718082"/>
              <a:gd name="connsiteX58" fmla="*/ 6196092 w 6597829"/>
              <a:gd name="connsiteY58" fmla="*/ 0 h 371808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6597829" h="3718082">
                <a:moveTo>
                  <a:pt x="4742089" y="1672366"/>
                </a:moveTo>
                <a:lnTo>
                  <a:pt x="4075695" y="2338800"/>
                </a:lnTo>
                <a:cubicBezTo>
                  <a:pt x="4138912" y="2363973"/>
                  <a:pt x="4206331" y="2376820"/>
                  <a:pt x="4274361" y="2376649"/>
                </a:cubicBezTo>
                <a:cubicBezTo>
                  <a:pt x="4537550" y="2376649"/>
                  <a:pt x="4773045" y="2182877"/>
                  <a:pt x="4773045" y="1860672"/>
                </a:cubicBezTo>
                <a:lnTo>
                  <a:pt x="4773004" y="1860795"/>
                </a:lnTo>
                <a:cubicBezTo>
                  <a:pt x="4773331" y="1796696"/>
                  <a:pt x="4762890" y="1733002"/>
                  <a:pt x="4742089" y="1672366"/>
                </a:cubicBezTo>
                <a:close/>
                <a:moveTo>
                  <a:pt x="4274524" y="1344655"/>
                </a:moveTo>
                <a:cubicBezTo>
                  <a:pt x="4004239" y="1344655"/>
                  <a:pt x="3768784" y="1538467"/>
                  <a:pt x="3768784" y="1860672"/>
                </a:cubicBezTo>
                <a:lnTo>
                  <a:pt x="3768743" y="1860795"/>
                </a:lnTo>
                <a:cubicBezTo>
                  <a:pt x="3768458" y="1923926"/>
                  <a:pt x="3778613" y="1986671"/>
                  <a:pt x="3798802" y="2046491"/>
                </a:cubicBezTo>
                <a:lnTo>
                  <a:pt x="4464789" y="1380587"/>
                </a:lnTo>
                <a:cubicBezTo>
                  <a:pt x="4404181" y="1356732"/>
                  <a:pt x="4339658" y="1344541"/>
                  <a:pt x="4274524" y="1344655"/>
                </a:cubicBezTo>
                <a:close/>
                <a:moveTo>
                  <a:pt x="2620346" y="995042"/>
                </a:moveTo>
                <a:lnTo>
                  <a:pt x="3077470" y="995042"/>
                </a:lnTo>
                <a:lnTo>
                  <a:pt x="3077470" y="3028808"/>
                </a:lnTo>
                <a:cubicBezTo>
                  <a:pt x="3077470" y="3441026"/>
                  <a:pt x="2803880" y="3718082"/>
                  <a:pt x="2395251" y="3718082"/>
                </a:cubicBezTo>
                <a:cubicBezTo>
                  <a:pt x="2284436" y="3718082"/>
                  <a:pt x="2184023" y="3697118"/>
                  <a:pt x="2087035" y="3652254"/>
                </a:cubicBezTo>
                <a:lnTo>
                  <a:pt x="2190956" y="3281841"/>
                </a:lnTo>
                <a:cubicBezTo>
                  <a:pt x="2253235" y="3302641"/>
                  <a:pt x="2315556" y="3313001"/>
                  <a:pt x="2364050" y="3313001"/>
                </a:cubicBezTo>
                <a:cubicBezTo>
                  <a:pt x="2516465" y="3313001"/>
                  <a:pt x="2620346" y="3198720"/>
                  <a:pt x="2620346" y="3029053"/>
                </a:cubicBezTo>
                <a:close/>
                <a:moveTo>
                  <a:pt x="4917793" y="927542"/>
                </a:moveTo>
                <a:lnTo>
                  <a:pt x="5202394" y="1212184"/>
                </a:lnTo>
                <a:lnTo>
                  <a:pt x="5065559" y="1349264"/>
                </a:lnTo>
                <a:cubicBezTo>
                  <a:pt x="5160589" y="1491483"/>
                  <a:pt x="5216465" y="1664984"/>
                  <a:pt x="5216465" y="1860754"/>
                </a:cubicBezTo>
                <a:cubicBezTo>
                  <a:pt x="5216465" y="2404464"/>
                  <a:pt x="4786831" y="2775000"/>
                  <a:pt x="4274320" y="2775000"/>
                </a:cubicBezTo>
                <a:cubicBezTo>
                  <a:pt x="4090051" y="2775000"/>
                  <a:pt x="3917243" y="2728178"/>
                  <a:pt x="3770823" y="2643712"/>
                </a:cubicBezTo>
                <a:lnTo>
                  <a:pt x="3623995" y="2790539"/>
                </a:lnTo>
                <a:lnTo>
                  <a:pt x="3339313" y="2505979"/>
                </a:lnTo>
                <a:lnTo>
                  <a:pt x="3475659" y="2369634"/>
                </a:lnTo>
                <a:cubicBezTo>
                  <a:pt x="3380873" y="2228312"/>
                  <a:pt x="3325446" y="2055790"/>
                  <a:pt x="3325446" y="1860836"/>
                </a:cubicBezTo>
                <a:cubicBezTo>
                  <a:pt x="3325446" y="1317206"/>
                  <a:pt x="3754835" y="943163"/>
                  <a:pt x="4274279" y="943163"/>
                </a:cubicBezTo>
                <a:cubicBezTo>
                  <a:pt x="4455326" y="943163"/>
                  <a:pt x="4625891" y="990026"/>
                  <a:pt x="4770965" y="1074370"/>
                </a:cubicBezTo>
                <a:close/>
                <a:moveTo>
                  <a:pt x="470950" y="517119"/>
                </a:moveTo>
                <a:lnTo>
                  <a:pt x="470950" y="2297117"/>
                </a:lnTo>
                <a:lnTo>
                  <a:pt x="1005566" y="2297117"/>
                </a:lnTo>
                <a:cubicBezTo>
                  <a:pt x="1542262" y="2297117"/>
                  <a:pt x="1902521" y="1940449"/>
                  <a:pt x="1902521" y="1407138"/>
                </a:cubicBezTo>
                <a:cubicBezTo>
                  <a:pt x="1902521" y="873828"/>
                  <a:pt x="1542344" y="517119"/>
                  <a:pt x="1005566" y="517119"/>
                </a:cubicBezTo>
                <a:close/>
                <a:moveTo>
                  <a:pt x="0" y="91196"/>
                </a:moveTo>
                <a:lnTo>
                  <a:pt x="974324" y="91196"/>
                </a:lnTo>
                <a:cubicBezTo>
                  <a:pt x="1815852" y="91196"/>
                  <a:pt x="2376856" y="617573"/>
                  <a:pt x="2376856" y="1407138"/>
                </a:cubicBezTo>
                <a:cubicBezTo>
                  <a:pt x="2376856" y="2196704"/>
                  <a:pt x="1815852" y="2723080"/>
                  <a:pt x="974324" y="2723080"/>
                </a:cubicBezTo>
                <a:lnTo>
                  <a:pt x="0" y="2723080"/>
                </a:lnTo>
                <a:close/>
                <a:moveTo>
                  <a:pt x="6196092" y="0"/>
                </a:moveTo>
                <a:cubicBezTo>
                  <a:pt x="6306906" y="0"/>
                  <a:pt x="6407320" y="20964"/>
                  <a:pt x="6504307" y="65828"/>
                </a:cubicBezTo>
                <a:lnTo>
                  <a:pt x="6400386" y="436364"/>
                </a:lnTo>
                <a:cubicBezTo>
                  <a:pt x="6338106" y="415563"/>
                  <a:pt x="6275787" y="405163"/>
                  <a:pt x="6227293" y="405163"/>
                </a:cubicBezTo>
                <a:cubicBezTo>
                  <a:pt x="6074877" y="405163"/>
                  <a:pt x="5970996" y="519485"/>
                  <a:pt x="5970996" y="689152"/>
                </a:cubicBezTo>
                <a:lnTo>
                  <a:pt x="5970996" y="995043"/>
                </a:lnTo>
                <a:lnTo>
                  <a:pt x="6597829" y="995165"/>
                </a:lnTo>
                <a:lnTo>
                  <a:pt x="6597829" y="1369167"/>
                </a:lnTo>
                <a:lnTo>
                  <a:pt x="5970996" y="1369167"/>
                </a:lnTo>
                <a:lnTo>
                  <a:pt x="5970996" y="2723243"/>
                </a:lnTo>
                <a:lnTo>
                  <a:pt x="5513872" y="2723243"/>
                </a:lnTo>
                <a:lnTo>
                  <a:pt x="5513872" y="1369167"/>
                </a:lnTo>
                <a:lnTo>
                  <a:pt x="5255823" y="1369167"/>
                </a:lnTo>
                <a:lnTo>
                  <a:pt x="5255823" y="995165"/>
                </a:lnTo>
                <a:lnTo>
                  <a:pt x="5513872" y="995165"/>
                </a:lnTo>
                <a:lnTo>
                  <a:pt x="5513872" y="689274"/>
                </a:lnTo>
                <a:cubicBezTo>
                  <a:pt x="5513872" y="277056"/>
                  <a:pt x="5787461" y="0"/>
                  <a:pt x="6196092" y="0"/>
                </a:cubicBezTo>
                <a:close/>
              </a:path>
            </a:pathLst>
          </a:custGeom>
          <a:solidFill>
            <a:srgbClr val="FFFFFF"/>
          </a:solidFill>
        </p:spPr>
        <p:txBody>
          <a:bodyPr wrap="square"/>
          <a:lstStyle>
            <a:lvl1pPr marL="0" indent="0">
              <a:buNone/>
              <a:defRPr sz="100">
                <a:noFill/>
              </a:defRPr>
            </a:lvl1pPr>
            <a:lvl2pPr>
              <a:defRPr sz="100"/>
            </a:lvl2pPr>
            <a:lvl3pPr>
              <a:defRPr sz="100"/>
            </a:lvl3pPr>
            <a:lvl4pPr>
              <a:defRPr sz="100"/>
            </a:lvl4pPr>
            <a:lvl5pPr>
              <a:defRPr sz="100"/>
            </a:lvl5pPr>
          </a:lstStyle>
          <a:p>
            <a:pPr lvl="0"/>
            <a:r>
              <a:rPr lang="da-DK" noProof="0"/>
              <a:t>Klik for at redigere teksttypografierne i masteren</a:t>
            </a:r>
          </a:p>
        </p:txBody>
      </p:sp>
      <p:sp>
        <p:nvSpPr>
          <p:cNvPr id="5" name="Date Placeholder 6">
            <a:extLst>
              <a:ext uri="{FF2B5EF4-FFF2-40B4-BE49-F238E27FC236}">
                <a16:creationId xmlns:a16="http://schemas.microsoft.com/office/drawing/2014/main" id="{8DC9D51D-D225-334C-1371-447BA5BD50F5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>
            <a:lvl1pPr>
              <a:defRPr smtClean="0">
                <a:solidFill>
                  <a:schemeClr val="accent1"/>
                </a:solidFill>
              </a:defRPr>
            </a:lvl1pPr>
          </a:lstStyle>
          <a:p>
            <a:pPr>
              <a:defRPr/>
            </a:pPr>
            <a:fld id="{96C0B8E3-6872-417C-A7F9-76D2D0C284E5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6" name="Footer Placeholder 8">
            <a:extLst>
              <a:ext uri="{FF2B5EF4-FFF2-40B4-BE49-F238E27FC236}">
                <a16:creationId xmlns:a16="http://schemas.microsoft.com/office/drawing/2014/main" id="{7B90E95E-8618-9E4F-7DA2-24A5B1200E7E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>
            <a:lvl1pPr>
              <a:defRPr dirty="0">
                <a:solidFill>
                  <a:schemeClr val="accent1"/>
                </a:solidFill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7" name="Slide Number Placeholder 9">
            <a:extLst>
              <a:ext uri="{FF2B5EF4-FFF2-40B4-BE49-F238E27FC236}">
                <a16:creationId xmlns:a16="http://schemas.microsoft.com/office/drawing/2014/main" id="{90234416-E1F3-1BB5-9014-9AFD9508CA49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>
            <a:lvl1pPr>
              <a:defRPr smtClean="0">
                <a:solidFill>
                  <a:schemeClr val="accent1"/>
                </a:solidFill>
              </a:defRPr>
            </a:lvl1pPr>
          </a:lstStyle>
          <a:p>
            <a:pPr>
              <a:defRPr/>
            </a:pPr>
            <a:fld id="{1F7507A8-0C6E-4B1A-8F9A-96E08B884C09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486110505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03611" y="1600003"/>
            <a:ext cx="6250781" cy="2212823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da-DK" noProof="0"/>
              <a:t>Klik for at redigere teksttypografierne i masteren</a:t>
            </a:r>
          </a:p>
          <a:p>
            <a:pPr lvl="1"/>
            <a:r>
              <a:rPr lang="da-DK" noProof="0"/>
              <a:t>Andet niveau</a:t>
            </a:r>
          </a:p>
          <a:p>
            <a:pPr lvl="2"/>
            <a:r>
              <a:rPr lang="da-DK" noProof="0"/>
              <a:t>Tredje niveau</a:t>
            </a:r>
          </a:p>
          <a:p>
            <a:pPr lvl="3"/>
            <a:r>
              <a:rPr lang="da-DK" noProof="0"/>
              <a:t>Fjerde niveau</a:t>
            </a:r>
          </a:p>
          <a:p>
            <a:pPr lvl="4"/>
            <a:r>
              <a:rPr lang="da-DK" noProof="0"/>
              <a:t>Femte niveau</a:t>
            </a:r>
            <a:endParaRPr lang="da-DK" noProof="0" dirty="0"/>
          </a:p>
        </p:txBody>
      </p:sp>
      <p:sp>
        <p:nvSpPr>
          <p:cNvPr id="8" name="Text Placeholder notes"/>
          <p:cNvSpPr>
            <a:spLocks noGrp="1"/>
          </p:cNvSpPr>
          <p:nvPr>
            <p:ph type="body" sz="quarter" idx="17"/>
          </p:nvPr>
        </p:nvSpPr>
        <p:spPr>
          <a:xfrm>
            <a:off x="303164" y="11230714"/>
            <a:ext cx="6251175" cy="321289"/>
          </a:xfrm>
        </p:spPr>
        <p:txBody>
          <a:bodyPr anchor="b" anchorCtr="0"/>
          <a:lstStyle>
            <a:lvl1pPr marL="0" indent="0">
              <a:spcAft>
                <a:spcPts val="169"/>
              </a:spcAft>
              <a:buFont typeface="Arial" panose="020B0604020202020204" pitchFamily="34" charset="0"/>
              <a:buNone/>
              <a:defRPr sz="450" i="1"/>
            </a:lvl1pPr>
            <a:lvl2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2pPr>
            <a:lvl3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3pPr>
            <a:lvl4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4pPr>
            <a:lvl5pPr marL="0" indent="0">
              <a:buFont typeface="Arial" panose="020B0604020202020204" pitchFamily="34" charset="0"/>
              <a:buNone/>
              <a:defRPr/>
            </a:lvl5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4" name="Date Placeholder 1">
            <a:extLst>
              <a:ext uri="{FF2B5EF4-FFF2-40B4-BE49-F238E27FC236}">
                <a16:creationId xmlns:a16="http://schemas.microsoft.com/office/drawing/2014/main" id="{C6AC13D4-4524-753F-3D23-D4DF7DF514A9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53ACC178-9B0C-4917-A8F7-5DD0CEDFE4E1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5" name="Footer Placeholder 7">
            <a:extLst>
              <a:ext uri="{FF2B5EF4-FFF2-40B4-BE49-F238E27FC236}">
                <a16:creationId xmlns:a16="http://schemas.microsoft.com/office/drawing/2014/main" id="{081FC151-6D87-DAB2-72D5-8AA2E7236709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6" name="Slide Number Placeholder 8">
            <a:extLst>
              <a:ext uri="{FF2B5EF4-FFF2-40B4-BE49-F238E27FC236}">
                <a16:creationId xmlns:a16="http://schemas.microsoft.com/office/drawing/2014/main" id="{604B6FBE-2F4F-D608-E3DC-93675C6C5F76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A2BE7078-77DA-4428-8D5C-B702C26498DE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444139441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2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03610" y="3814403"/>
            <a:ext cx="3023592" cy="7412777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da-DK" noProof="0"/>
              <a:t>Klik for at redigere teksttypografierne i masteren</a:t>
            </a:r>
          </a:p>
          <a:p>
            <a:pPr lvl="1"/>
            <a:r>
              <a:rPr lang="da-DK" noProof="0"/>
              <a:t>Andet niveau</a:t>
            </a:r>
          </a:p>
          <a:p>
            <a:pPr lvl="2"/>
            <a:r>
              <a:rPr lang="da-DK" noProof="0"/>
              <a:t>Tredje niveau</a:t>
            </a:r>
          </a:p>
          <a:p>
            <a:pPr lvl="3"/>
            <a:r>
              <a:rPr lang="da-DK" noProof="0"/>
              <a:t>Fjerde niveau</a:t>
            </a:r>
          </a:p>
          <a:p>
            <a:pPr lvl="4"/>
            <a:r>
              <a:rPr lang="da-DK" noProof="0"/>
              <a:t>Femte niveau</a:t>
            </a:r>
            <a:endParaRPr lang="da-DK" noProof="0" dirty="0"/>
          </a:p>
        </p:txBody>
      </p:sp>
      <p:sp>
        <p:nvSpPr>
          <p:cNvPr id="7" name="Content Placeholder 3"/>
          <p:cNvSpPr>
            <a:spLocks noGrp="1"/>
          </p:cNvSpPr>
          <p:nvPr>
            <p:ph sz="half" idx="2"/>
          </p:nvPr>
        </p:nvSpPr>
        <p:spPr>
          <a:xfrm>
            <a:off x="3529012" y="3814403"/>
            <a:ext cx="3023592" cy="7419177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da-DK" noProof="0"/>
              <a:t>Klik for at redigere teksttypografierne i masteren</a:t>
            </a:r>
          </a:p>
          <a:p>
            <a:pPr lvl="1"/>
            <a:r>
              <a:rPr lang="da-DK" noProof="0"/>
              <a:t>Andet niveau</a:t>
            </a:r>
          </a:p>
          <a:p>
            <a:pPr lvl="2"/>
            <a:r>
              <a:rPr lang="da-DK" noProof="0"/>
              <a:t>Tredje niveau</a:t>
            </a:r>
          </a:p>
          <a:p>
            <a:pPr lvl="3"/>
            <a:r>
              <a:rPr lang="da-DK" noProof="0"/>
              <a:t>Fjerde niveau</a:t>
            </a:r>
          </a:p>
          <a:p>
            <a:pPr lvl="4"/>
            <a:r>
              <a:rPr lang="da-DK" noProof="0"/>
              <a:t>Femte niveau</a:t>
            </a:r>
            <a:endParaRPr lang="da-DK" dirty="0"/>
          </a:p>
        </p:txBody>
      </p:sp>
      <p:sp>
        <p:nvSpPr>
          <p:cNvPr id="11" name="Text Placeholder notes"/>
          <p:cNvSpPr>
            <a:spLocks noGrp="1"/>
          </p:cNvSpPr>
          <p:nvPr>
            <p:ph type="body" sz="quarter" idx="17"/>
          </p:nvPr>
        </p:nvSpPr>
        <p:spPr>
          <a:xfrm>
            <a:off x="303164" y="11230714"/>
            <a:ext cx="6251175" cy="321289"/>
          </a:xfrm>
        </p:spPr>
        <p:txBody>
          <a:bodyPr anchor="b" anchorCtr="0"/>
          <a:lstStyle>
            <a:lvl1pPr marL="0" indent="0">
              <a:spcAft>
                <a:spcPts val="169"/>
              </a:spcAft>
              <a:buFont typeface="Arial" panose="020B0604020202020204" pitchFamily="34" charset="0"/>
              <a:buNone/>
              <a:defRPr sz="450" i="1"/>
            </a:lvl1pPr>
            <a:lvl2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2pPr>
            <a:lvl3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3pPr>
            <a:lvl4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4pPr>
            <a:lvl5pPr marL="0" indent="0">
              <a:buFont typeface="Arial" panose="020B0604020202020204" pitchFamily="34" charset="0"/>
              <a:buNone/>
              <a:defRPr/>
            </a:lvl5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4" name="Date Placeholder 1">
            <a:extLst>
              <a:ext uri="{FF2B5EF4-FFF2-40B4-BE49-F238E27FC236}">
                <a16:creationId xmlns:a16="http://schemas.microsoft.com/office/drawing/2014/main" id="{C1BF3421-E34E-F322-86B1-1E223C48669F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DE2559A6-4012-40F5-92FA-C5E96C9407CE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5" name="Footer Placeholder 7">
            <a:extLst>
              <a:ext uri="{FF2B5EF4-FFF2-40B4-BE49-F238E27FC236}">
                <a16:creationId xmlns:a16="http://schemas.microsoft.com/office/drawing/2014/main" id="{903162F5-9471-12E3-445C-201CE7993345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6" name="Slide Number Placeholder 8">
            <a:extLst>
              <a:ext uri="{FF2B5EF4-FFF2-40B4-BE49-F238E27FC236}">
                <a16:creationId xmlns:a16="http://schemas.microsoft.com/office/drawing/2014/main" id="{47B546C2-417E-3A33-E485-81BB7BB0B33D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1130C8A0-DB77-4799-AFC9-3911E514EEB7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507548224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2 indhold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03610" y="3814403"/>
            <a:ext cx="4637186" cy="7412777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da-DK" noProof="0"/>
              <a:t>Klik for at redigere teksttypografierne i masteren</a:t>
            </a:r>
          </a:p>
          <a:p>
            <a:pPr lvl="1"/>
            <a:r>
              <a:rPr lang="da-DK" noProof="0"/>
              <a:t>Andet niveau</a:t>
            </a:r>
          </a:p>
          <a:p>
            <a:pPr lvl="2"/>
            <a:r>
              <a:rPr lang="da-DK" noProof="0"/>
              <a:t>Tredje niveau</a:t>
            </a:r>
          </a:p>
          <a:p>
            <a:pPr lvl="3"/>
            <a:r>
              <a:rPr lang="da-DK" noProof="0"/>
              <a:t>Fjerde niveau</a:t>
            </a:r>
          </a:p>
          <a:p>
            <a:pPr lvl="4"/>
            <a:r>
              <a:rPr lang="da-DK" noProof="0"/>
              <a:t>Femte niveau</a:t>
            </a:r>
            <a:endParaRPr lang="da-DK" noProof="0" dirty="0"/>
          </a:p>
        </p:txBody>
      </p:sp>
      <p:sp>
        <p:nvSpPr>
          <p:cNvPr id="7" name="Content Placeholder 3"/>
          <p:cNvSpPr>
            <a:spLocks noGrp="1"/>
          </p:cNvSpPr>
          <p:nvPr>
            <p:ph sz="half" idx="2"/>
          </p:nvPr>
        </p:nvSpPr>
        <p:spPr>
          <a:xfrm>
            <a:off x="5143500" y="3814403"/>
            <a:ext cx="1409104" cy="7419177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da-DK" noProof="0"/>
              <a:t>Klik for at redigere teksttypografierne i masteren</a:t>
            </a:r>
          </a:p>
          <a:p>
            <a:pPr lvl="1"/>
            <a:r>
              <a:rPr lang="da-DK" noProof="0"/>
              <a:t>Andet niveau</a:t>
            </a:r>
          </a:p>
          <a:p>
            <a:pPr lvl="2"/>
            <a:r>
              <a:rPr lang="da-DK" noProof="0"/>
              <a:t>Tredje niveau</a:t>
            </a:r>
          </a:p>
          <a:p>
            <a:pPr lvl="3"/>
            <a:r>
              <a:rPr lang="da-DK" noProof="0"/>
              <a:t>Fjerde niveau</a:t>
            </a:r>
          </a:p>
          <a:p>
            <a:pPr lvl="4"/>
            <a:r>
              <a:rPr lang="da-DK" noProof="0"/>
              <a:t>Femte niveau</a:t>
            </a:r>
            <a:endParaRPr lang="da-DK" dirty="0"/>
          </a:p>
        </p:txBody>
      </p:sp>
      <p:sp>
        <p:nvSpPr>
          <p:cNvPr id="11" name="Text Placeholder notes"/>
          <p:cNvSpPr>
            <a:spLocks noGrp="1"/>
          </p:cNvSpPr>
          <p:nvPr>
            <p:ph type="body" sz="quarter" idx="17"/>
          </p:nvPr>
        </p:nvSpPr>
        <p:spPr>
          <a:xfrm>
            <a:off x="303164" y="11230714"/>
            <a:ext cx="6251175" cy="321289"/>
          </a:xfrm>
        </p:spPr>
        <p:txBody>
          <a:bodyPr anchor="b" anchorCtr="0"/>
          <a:lstStyle>
            <a:lvl1pPr marL="0" indent="0">
              <a:spcAft>
                <a:spcPts val="169"/>
              </a:spcAft>
              <a:buFont typeface="Arial" panose="020B0604020202020204" pitchFamily="34" charset="0"/>
              <a:buNone/>
              <a:defRPr sz="450" i="1"/>
            </a:lvl1pPr>
            <a:lvl2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2pPr>
            <a:lvl3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3pPr>
            <a:lvl4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4pPr>
            <a:lvl5pPr marL="0" indent="0">
              <a:buFont typeface="Arial" panose="020B0604020202020204" pitchFamily="34" charset="0"/>
              <a:buNone/>
              <a:defRPr/>
            </a:lvl5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4" name="Date Placeholder 1">
            <a:extLst>
              <a:ext uri="{FF2B5EF4-FFF2-40B4-BE49-F238E27FC236}">
                <a16:creationId xmlns:a16="http://schemas.microsoft.com/office/drawing/2014/main" id="{8975D4AA-FDD5-165F-978C-FB3BAFD29D1D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5196B2C5-762A-4559-A5B4-9FEB202D89EB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5" name="Footer Placeholder 7">
            <a:extLst>
              <a:ext uri="{FF2B5EF4-FFF2-40B4-BE49-F238E27FC236}">
                <a16:creationId xmlns:a16="http://schemas.microsoft.com/office/drawing/2014/main" id="{10A5E553-1AC0-0636-ED02-F42F32B430C5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6" name="Slide Number Placeholder 8">
            <a:extLst>
              <a:ext uri="{FF2B5EF4-FFF2-40B4-BE49-F238E27FC236}">
                <a16:creationId xmlns:a16="http://schemas.microsoft.com/office/drawing/2014/main" id="{077229F6-75A5-43A8-B11C-E05F89199BBC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FD3FC947-DF1D-4D23-B7BB-A9555E9A6E07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86438262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RAPPORT Fire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ggrund">
            <a:extLst>
              <a:ext uri="{FF2B5EF4-FFF2-40B4-BE49-F238E27FC236}">
                <a16:creationId xmlns:a16="http://schemas.microsoft.com/office/drawing/2014/main" id="{780B7333-D71F-59D6-C7FD-11B4E7FCE1B3}"/>
              </a:ext>
            </a:extLst>
          </p:cNvPr>
          <p:cNvSpPr/>
          <p:nvPr userDrawn="1"/>
        </p:nvSpPr>
        <p:spPr>
          <a:xfrm>
            <a:off x="0" y="0"/>
            <a:ext cx="6858000" cy="12192000"/>
          </a:xfrm>
          <a:prstGeom prst="rect">
            <a:avLst/>
          </a:prstGeom>
          <a:solidFill>
            <a:srgbClr val="EBE0C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20250" rIns="40500" bIns="2025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en-GB" sz="1125" dirty="0"/>
          </a:p>
        </p:txBody>
      </p:sp>
      <p:sp>
        <p:nvSpPr>
          <p:cNvPr id="6" name="Logo">
            <a:extLst>
              <a:ext uri="{FF2B5EF4-FFF2-40B4-BE49-F238E27FC236}">
                <a16:creationId xmlns:a16="http://schemas.microsoft.com/office/drawing/2014/main" id="{BCFF0349-5C05-B782-8E8F-92A17EE73AAB}"/>
              </a:ext>
            </a:extLst>
          </p:cNvPr>
          <p:cNvSpPr/>
          <p:nvPr userDrawn="1"/>
        </p:nvSpPr>
        <p:spPr>
          <a:xfrm>
            <a:off x="6197600" y="639763"/>
            <a:ext cx="355600" cy="635000"/>
          </a:xfrm>
          <a:custGeom>
            <a:avLst/>
            <a:gdLst>
              <a:gd name="connsiteX0" fmla="*/ 3991223 w 5553123"/>
              <a:gd name="connsiteY0" fmla="*/ 1407246 h 3128654"/>
              <a:gd name="connsiteX1" fmla="*/ 3430346 w 5553123"/>
              <a:gd name="connsiteY1" fmla="*/ 1968030 h 3128654"/>
              <a:gd name="connsiteX2" fmla="*/ 3597555 w 5553123"/>
              <a:gd name="connsiteY2" fmla="*/ 1999879 h 3128654"/>
              <a:gd name="connsiteX3" fmla="*/ 4017277 w 5553123"/>
              <a:gd name="connsiteY3" fmla="*/ 1565700 h 3128654"/>
              <a:gd name="connsiteX4" fmla="*/ 4017243 w 5553123"/>
              <a:gd name="connsiteY4" fmla="*/ 1565803 h 3128654"/>
              <a:gd name="connsiteX5" fmla="*/ 3991223 w 5553123"/>
              <a:gd name="connsiteY5" fmla="*/ 1407246 h 3128654"/>
              <a:gd name="connsiteX6" fmla="*/ 3597692 w 5553123"/>
              <a:gd name="connsiteY6" fmla="*/ 1131487 h 3128654"/>
              <a:gd name="connsiteX7" fmla="*/ 3172031 w 5553123"/>
              <a:gd name="connsiteY7" fmla="*/ 1565700 h 3128654"/>
              <a:gd name="connsiteX8" fmla="*/ 3171997 w 5553123"/>
              <a:gd name="connsiteY8" fmla="*/ 1565803 h 3128654"/>
              <a:gd name="connsiteX9" fmla="*/ 3197296 w 5553123"/>
              <a:gd name="connsiteY9" fmla="*/ 1722061 h 3128654"/>
              <a:gd name="connsiteX10" fmla="*/ 3757830 w 5553123"/>
              <a:gd name="connsiteY10" fmla="*/ 1161723 h 3128654"/>
              <a:gd name="connsiteX11" fmla="*/ 3597692 w 5553123"/>
              <a:gd name="connsiteY11" fmla="*/ 1131487 h 3128654"/>
              <a:gd name="connsiteX12" fmla="*/ 2205438 w 5553123"/>
              <a:gd name="connsiteY12" fmla="*/ 837298 h 3128654"/>
              <a:gd name="connsiteX13" fmla="*/ 2590180 w 5553123"/>
              <a:gd name="connsiteY13" fmla="*/ 837298 h 3128654"/>
              <a:gd name="connsiteX14" fmla="*/ 2590180 w 5553123"/>
              <a:gd name="connsiteY14" fmla="*/ 2548651 h 3128654"/>
              <a:gd name="connsiteX15" fmla="*/ 2015984 w 5553123"/>
              <a:gd name="connsiteY15" fmla="*/ 3128654 h 3128654"/>
              <a:gd name="connsiteX16" fmla="*/ 1756572 w 5553123"/>
              <a:gd name="connsiteY16" fmla="*/ 3073262 h 3128654"/>
              <a:gd name="connsiteX17" fmla="*/ 1844038 w 5553123"/>
              <a:gd name="connsiteY17" fmla="*/ 2761571 h 3128654"/>
              <a:gd name="connsiteX18" fmla="*/ 1989724 w 5553123"/>
              <a:gd name="connsiteY18" fmla="*/ 2787791 h 3128654"/>
              <a:gd name="connsiteX19" fmla="*/ 2205438 w 5553123"/>
              <a:gd name="connsiteY19" fmla="*/ 2548857 h 3128654"/>
              <a:gd name="connsiteX20" fmla="*/ 4139105 w 5553123"/>
              <a:gd name="connsiteY20" fmla="*/ 780499 h 3128654"/>
              <a:gd name="connsiteX21" fmla="*/ 4378642 w 5553123"/>
              <a:gd name="connsiteY21" fmla="*/ 1020017 h 3128654"/>
              <a:gd name="connsiteX22" fmla="*/ 4263474 w 5553123"/>
              <a:gd name="connsiteY22" fmla="*/ 1135365 h 3128654"/>
              <a:gd name="connsiteX23" fmla="*/ 4390485 w 5553123"/>
              <a:gd name="connsiteY23" fmla="*/ 1565769 h 3128654"/>
              <a:gd name="connsiteX24" fmla="*/ 3597520 w 5553123"/>
              <a:gd name="connsiteY24" fmla="*/ 2335080 h 3128654"/>
              <a:gd name="connsiteX25" fmla="*/ 3173748 w 5553123"/>
              <a:gd name="connsiteY25" fmla="*/ 2224604 h 3128654"/>
              <a:gd name="connsiteX26" fmla="*/ 3050169 w 5553123"/>
              <a:gd name="connsiteY26" fmla="*/ 2348155 h 3128654"/>
              <a:gd name="connsiteX27" fmla="*/ 2810563 w 5553123"/>
              <a:gd name="connsiteY27" fmla="*/ 2108707 h 3128654"/>
              <a:gd name="connsiteX28" fmla="*/ 2925320 w 5553123"/>
              <a:gd name="connsiteY28" fmla="*/ 1993976 h 3128654"/>
              <a:gd name="connsiteX29" fmla="*/ 2798892 w 5553123"/>
              <a:gd name="connsiteY29" fmla="*/ 1565838 h 3128654"/>
              <a:gd name="connsiteX30" fmla="*/ 3597486 w 5553123"/>
              <a:gd name="connsiteY30" fmla="*/ 793644 h 3128654"/>
              <a:gd name="connsiteX31" fmla="*/ 4015526 w 5553123"/>
              <a:gd name="connsiteY31" fmla="*/ 904050 h 3128654"/>
              <a:gd name="connsiteX32" fmla="*/ 396379 w 5553123"/>
              <a:gd name="connsiteY32" fmla="*/ 435140 h 3128654"/>
              <a:gd name="connsiteX33" fmla="*/ 396379 w 5553123"/>
              <a:gd name="connsiteY33" fmla="*/ 1932956 h 3128654"/>
              <a:gd name="connsiteX34" fmla="*/ 846344 w 5553123"/>
              <a:gd name="connsiteY34" fmla="*/ 1932956 h 3128654"/>
              <a:gd name="connsiteX35" fmla="*/ 1601274 w 5553123"/>
              <a:gd name="connsiteY35" fmla="*/ 1184065 h 3128654"/>
              <a:gd name="connsiteX36" fmla="*/ 846344 w 5553123"/>
              <a:gd name="connsiteY36" fmla="*/ 435140 h 3128654"/>
              <a:gd name="connsiteX37" fmla="*/ 0 w 5553123"/>
              <a:gd name="connsiteY37" fmla="*/ 76739 h 3128654"/>
              <a:gd name="connsiteX38" fmla="*/ 820049 w 5553123"/>
              <a:gd name="connsiteY38" fmla="*/ 76739 h 3128654"/>
              <a:gd name="connsiteX39" fmla="*/ 2000502 w 5553123"/>
              <a:gd name="connsiteY39" fmla="*/ 1184065 h 3128654"/>
              <a:gd name="connsiteX40" fmla="*/ 820049 w 5553123"/>
              <a:gd name="connsiteY40" fmla="*/ 2291391 h 3128654"/>
              <a:gd name="connsiteX41" fmla="*/ 0 w 5553123"/>
              <a:gd name="connsiteY41" fmla="*/ 2291391 h 3128654"/>
              <a:gd name="connsiteX42" fmla="*/ 5214998 w 5553123"/>
              <a:gd name="connsiteY42" fmla="*/ 0 h 3128654"/>
              <a:gd name="connsiteX43" fmla="*/ 5474410 w 5553123"/>
              <a:gd name="connsiteY43" fmla="*/ 55393 h 3128654"/>
              <a:gd name="connsiteX44" fmla="*/ 5386944 w 5553123"/>
              <a:gd name="connsiteY44" fmla="*/ 367187 h 3128654"/>
              <a:gd name="connsiteX45" fmla="*/ 5241258 w 5553123"/>
              <a:gd name="connsiteY45" fmla="*/ 340932 h 3128654"/>
              <a:gd name="connsiteX46" fmla="*/ 5025544 w 5553123"/>
              <a:gd name="connsiteY46" fmla="*/ 579901 h 3128654"/>
              <a:gd name="connsiteX47" fmla="*/ 5025544 w 5553123"/>
              <a:gd name="connsiteY47" fmla="*/ 837299 h 3128654"/>
              <a:gd name="connsiteX48" fmla="*/ 5553123 w 5553123"/>
              <a:gd name="connsiteY48" fmla="*/ 837402 h 3128654"/>
              <a:gd name="connsiteX49" fmla="*/ 5553123 w 5553123"/>
              <a:gd name="connsiteY49" fmla="*/ 1152113 h 3128654"/>
              <a:gd name="connsiteX50" fmla="*/ 5025544 w 5553123"/>
              <a:gd name="connsiteY50" fmla="*/ 1152113 h 3128654"/>
              <a:gd name="connsiteX51" fmla="*/ 5025544 w 5553123"/>
              <a:gd name="connsiteY51" fmla="*/ 2291528 h 3128654"/>
              <a:gd name="connsiteX52" fmla="*/ 4640802 w 5553123"/>
              <a:gd name="connsiteY52" fmla="*/ 2291528 h 3128654"/>
              <a:gd name="connsiteX53" fmla="*/ 4640802 w 5553123"/>
              <a:gd name="connsiteY53" fmla="*/ 1152113 h 3128654"/>
              <a:gd name="connsiteX54" fmla="*/ 4423612 w 5553123"/>
              <a:gd name="connsiteY54" fmla="*/ 1152113 h 3128654"/>
              <a:gd name="connsiteX55" fmla="*/ 4423612 w 5553123"/>
              <a:gd name="connsiteY55" fmla="*/ 837402 h 3128654"/>
              <a:gd name="connsiteX56" fmla="*/ 4640802 w 5553123"/>
              <a:gd name="connsiteY56" fmla="*/ 837402 h 3128654"/>
              <a:gd name="connsiteX57" fmla="*/ 4640802 w 5553123"/>
              <a:gd name="connsiteY57" fmla="*/ 580004 h 3128654"/>
              <a:gd name="connsiteX58" fmla="*/ 5214998 w 5553123"/>
              <a:gd name="connsiteY58" fmla="*/ 0 h 31286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5553123" h="3128654">
                <a:moveTo>
                  <a:pt x="3991223" y="1407246"/>
                </a:moveTo>
                <a:lnTo>
                  <a:pt x="3430346" y="1968030"/>
                </a:lnTo>
                <a:cubicBezTo>
                  <a:pt x="3483553" y="1989213"/>
                  <a:pt x="3540297" y="2000023"/>
                  <a:pt x="3597555" y="1999879"/>
                </a:cubicBezTo>
                <a:cubicBezTo>
                  <a:pt x="3819070" y="1999879"/>
                  <a:pt x="4017277" y="1836826"/>
                  <a:pt x="4017277" y="1565700"/>
                </a:cubicBezTo>
                <a:lnTo>
                  <a:pt x="4017243" y="1565803"/>
                </a:lnTo>
                <a:cubicBezTo>
                  <a:pt x="4017518" y="1511866"/>
                  <a:pt x="4008729" y="1458269"/>
                  <a:pt x="3991223" y="1407246"/>
                </a:cubicBezTo>
                <a:close/>
                <a:moveTo>
                  <a:pt x="3597692" y="1131487"/>
                </a:moveTo>
                <a:cubicBezTo>
                  <a:pt x="3370204" y="1131487"/>
                  <a:pt x="3172031" y="1294574"/>
                  <a:pt x="3172031" y="1565700"/>
                </a:cubicBezTo>
                <a:lnTo>
                  <a:pt x="3171997" y="1565803"/>
                </a:lnTo>
                <a:cubicBezTo>
                  <a:pt x="3171757" y="1618927"/>
                  <a:pt x="3180304" y="1671724"/>
                  <a:pt x="3197296" y="1722061"/>
                </a:cubicBezTo>
                <a:lnTo>
                  <a:pt x="3757830" y="1161723"/>
                </a:lnTo>
                <a:cubicBezTo>
                  <a:pt x="3706819" y="1141649"/>
                  <a:pt x="3652513" y="1131391"/>
                  <a:pt x="3597692" y="1131487"/>
                </a:cubicBezTo>
                <a:close/>
                <a:moveTo>
                  <a:pt x="2205438" y="837298"/>
                </a:moveTo>
                <a:lnTo>
                  <a:pt x="2590180" y="837298"/>
                </a:lnTo>
                <a:lnTo>
                  <a:pt x="2590180" y="2548651"/>
                </a:lnTo>
                <a:cubicBezTo>
                  <a:pt x="2590180" y="2895520"/>
                  <a:pt x="2359911" y="3128654"/>
                  <a:pt x="2015984" y="3128654"/>
                </a:cubicBezTo>
                <a:cubicBezTo>
                  <a:pt x="1922717" y="3128654"/>
                  <a:pt x="1838202" y="3111014"/>
                  <a:pt x="1756572" y="3073262"/>
                </a:cubicBezTo>
                <a:lnTo>
                  <a:pt x="1844038" y="2761571"/>
                </a:lnTo>
                <a:cubicBezTo>
                  <a:pt x="1896456" y="2779074"/>
                  <a:pt x="1948909" y="2787791"/>
                  <a:pt x="1989724" y="2787791"/>
                </a:cubicBezTo>
                <a:cubicBezTo>
                  <a:pt x="2118006" y="2787791"/>
                  <a:pt x="2205438" y="2691627"/>
                  <a:pt x="2205438" y="2548857"/>
                </a:cubicBezTo>
                <a:close/>
                <a:moveTo>
                  <a:pt x="4139105" y="780499"/>
                </a:moveTo>
                <a:lnTo>
                  <a:pt x="4378642" y="1020017"/>
                </a:lnTo>
                <a:lnTo>
                  <a:pt x="4263474" y="1135365"/>
                </a:lnTo>
                <a:cubicBezTo>
                  <a:pt x="4343457" y="1255038"/>
                  <a:pt x="4390485" y="1401034"/>
                  <a:pt x="4390485" y="1565769"/>
                </a:cubicBezTo>
                <a:cubicBezTo>
                  <a:pt x="4390485" y="2023285"/>
                  <a:pt x="4028880" y="2335080"/>
                  <a:pt x="3597520" y="2335080"/>
                </a:cubicBezTo>
                <a:cubicBezTo>
                  <a:pt x="3442429" y="2335080"/>
                  <a:pt x="3296983" y="2295681"/>
                  <a:pt x="3173748" y="2224604"/>
                </a:cubicBezTo>
                <a:lnTo>
                  <a:pt x="3050169" y="2348155"/>
                </a:lnTo>
                <a:lnTo>
                  <a:pt x="2810563" y="2108707"/>
                </a:lnTo>
                <a:lnTo>
                  <a:pt x="2925320" y="1993976"/>
                </a:lnTo>
                <a:cubicBezTo>
                  <a:pt x="2845543" y="1875058"/>
                  <a:pt x="2798892" y="1729886"/>
                  <a:pt x="2798892" y="1565838"/>
                </a:cubicBezTo>
                <a:cubicBezTo>
                  <a:pt x="2798892" y="1108390"/>
                  <a:pt x="3160291" y="793644"/>
                  <a:pt x="3597486" y="793644"/>
                </a:cubicBezTo>
                <a:cubicBezTo>
                  <a:pt x="3749866" y="793644"/>
                  <a:pt x="3893424" y="833077"/>
                  <a:pt x="4015526" y="904050"/>
                </a:cubicBezTo>
                <a:close/>
                <a:moveTo>
                  <a:pt x="396379" y="435140"/>
                </a:moveTo>
                <a:lnTo>
                  <a:pt x="396379" y="1932956"/>
                </a:lnTo>
                <a:lnTo>
                  <a:pt x="846344" y="1932956"/>
                </a:lnTo>
                <a:cubicBezTo>
                  <a:pt x="1298059" y="1932956"/>
                  <a:pt x="1601274" y="1632830"/>
                  <a:pt x="1601274" y="1184065"/>
                </a:cubicBezTo>
                <a:cubicBezTo>
                  <a:pt x="1601274" y="735300"/>
                  <a:pt x="1298128" y="435140"/>
                  <a:pt x="846344" y="435140"/>
                </a:cubicBezTo>
                <a:close/>
                <a:moveTo>
                  <a:pt x="0" y="76739"/>
                </a:moveTo>
                <a:lnTo>
                  <a:pt x="820049" y="76739"/>
                </a:lnTo>
                <a:cubicBezTo>
                  <a:pt x="1528328" y="76739"/>
                  <a:pt x="2000502" y="519670"/>
                  <a:pt x="2000502" y="1184065"/>
                </a:cubicBezTo>
                <a:cubicBezTo>
                  <a:pt x="2000502" y="1848460"/>
                  <a:pt x="1528328" y="2291391"/>
                  <a:pt x="820049" y="2291391"/>
                </a:cubicBezTo>
                <a:lnTo>
                  <a:pt x="0" y="2291391"/>
                </a:lnTo>
                <a:close/>
                <a:moveTo>
                  <a:pt x="5214998" y="0"/>
                </a:moveTo>
                <a:cubicBezTo>
                  <a:pt x="5308265" y="0"/>
                  <a:pt x="5392780" y="17641"/>
                  <a:pt x="5474410" y="55393"/>
                </a:cubicBezTo>
                <a:lnTo>
                  <a:pt x="5386944" y="367187"/>
                </a:lnTo>
                <a:cubicBezTo>
                  <a:pt x="5334526" y="349684"/>
                  <a:pt x="5282074" y="340932"/>
                  <a:pt x="5241258" y="340932"/>
                </a:cubicBezTo>
                <a:cubicBezTo>
                  <a:pt x="5112976" y="340932"/>
                  <a:pt x="5025544" y="437131"/>
                  <a:pt x="5025544" y="579901"/>
                </a:cubicBezTo>
                <a:lnTo>
                  <a:pt x="5025544" y="837299"/>
                </a:lnTo>
                <a:lnTo>
                  <a:pt x="5553123" y="837402"/>
                </a:lnTo>
                <a:lnTo>
                  <a:pt x="5553123" y="1152113"/>
                </a:lnTo>
                <a:lnTo>
                  <a:pt x="5025544" y="1152113"/>
                </a:lnTo>
                <a:lnTo>
                  <a:pt x="5025544" y="2291528"/>
                </a:lnTo>
                <a:lnTo>
                  <a:pt x="4640802" y="2291528"/>
                </a:lnTo>
                <a:lnTo>
                  <a:pt x="4640802" y="1152113"/>
                </a:lnTo>
                <a:lnTo>
                  <a:pt x="4423612" y="1152113"/>
                </a:lnTo>
                <a:lnTo>
                  <a:pt x="4423612" y="837402"/>
                </a:lnTo>
                <a:lnTo>
                  <a:pt x="4640802" y="837402"/>
                </a:lnTo>
                <a:lnTo>
                  <a:pt x="4640802" y="580004"/>
                </a:lnTo>
                <a:cubicBezTo>
                  <a:pt x="4640802" y="233134"/>
                  <a:pt x="4871070" y="0"/>
                  <a:pt x="5214998" y="0"/>
                </a:cubicBezTo>
                <a:close/>
              </a:path>
            </a:pathLst>
          </a:custGeom>
          <a:solidFill>
            <a:srgbClr val="1D1D1B"/>
          </a:solidFill>
          <a:ln w="3432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03750" y="1600000"/>
            <a:ext cx="3023452" cy="4492800"/>
          </a:xfrm>
        </p:spPr>
        <p:txBody>
          <a:bodyPr/>
          <a:lstStyle>
            <a:lvl1pPr>
              <a:defRPr sz="1350"/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03751" y="6732800"/>
            <a:ext cx="1411425" cy="4492800"/>
          </a:xfrm>
        </p:spPr>
        <p:txBody>
          <a:bodyPr/>
          <a:lstStyle>
            <a:lvl1pPr>
              <a:defRPr sz="900"/>
            </a:lvl1pPr>
            <a:lvl2pPr>
              <a:defRPr sz="900"/>
            </a:lvl2pPr>
            <a:lvl3pPr>
              <a:defRPr sz="900"/>
            </a:lvl3pPr>
            <a:lvl4pPr>
              <a:defRPr sz="900"/>
            </a:lvl4pPr>
            <a:lvl5pPr>
              <a:defRPr sz="900"/>
            </a:lvl5pPr>
          </a:lstStyle>
          <a:p>
            <a:pPr lvl="0"/>
            <a:r>
              <a:rPr lang="da-DK" noProof="0"/>
              <a:t>Klik for at redigere teksttypografierne i masteren</a:t>
            </a:r>
          </a:p>
          <a:p>
            <a:pPr lvl="1"/>
            <a:r>
              <a:rPr lang="da-DK" noProof="0"/>
              <a:t>Andet niveau</a:t>
            </a:r>
          </a:p>
          <a:p>
            <a:pPr lvl="2"/>
            <a:r>
              <a:rPr lang="da-DK" noProof="0"/>
              <a:t>Tredje niveau</a:t>
            </a:r>
          </a:p>
          <a:p>
            <a:pPr lvl="3"/>
            <a:r>
              <a:rPr lang="da-DK" noProof="0"/>
              <a:t>Fjerde niveau</a:t>
            </a:r>
          </a:p>
        </p:txBody>
      </p:sp>
      <p:sp>
        <p:nvSpPr>
          <p:cNvPr id="7" name="Content Placeholder 3"/>
          <p:cNvSpPr>
            <a:spLocks noGrp="1"/>
          </p:cNvSpPr>
          <p:nvPr>
            <p:ph sz="half" idx="2"/>
          </p:nvPr>
        </p:nvSpPr>
        <p:spPr>
          <a:xfrm>
            <a:off x="1916310" y="6732800"/>
            <a:ext cx="1411425" cy="4492800"/>
          </a:xfrm>
        </p:spPr>
        <p:txBody>
          <a:bodyPr/>
          <a:lstStyle>
            <a:lvl1pPr>
              <a:defRPr sz="900"/>
            </a:lvl1pPr>
            <a:lvl2pPr>
              <a:defRPr sz="900"/>
            </a:lvl2pPr>
            <a:lvl3pPr>
              <a:defRPr sz="900"/>
            </a:lvl3pPr>
            <a:lvl4pPr>
              <a:defRPr sz="900"/>
            </a:lvl4pPr>
            <a:lvl5pPr>
              <a:defRPr sz="900"/>
            </a:lvl5pPr>
          </a:lstStyle>
          <a:p>
            <a:pPr lvl="0"/>
            <a:r>
              <a:rPr lang="da-DK" noProof="0"/>
              <a:t>Klik for at redigere teksttypografierne i masteren</a:t>
            </a:r>
          </a:p>
          <a:p>
            <a:pPr lvl="1"/>
            <a:r>
              <a:rPr lang="da-DK" noProof="0"/>
              <a:t>Andet niveau</a:t>
            </a:r>
          </a:p>
          <a:p>
            <a:pPr lvl="2"/>
            <a:r>
              <a:rPr lang="da-DK" noProof="0"/>
              <a:t>Tredje niveau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sz="quarter" idx="13"/>
          </p:nvPr>
        </p:nvSpPr>
        <p:spPr>
          <a:xfrm>
            <a:off x="3529576" y="1600000"/>
            <a:ext cx="3023325" cy="4492800"/>
          </a:xfrm>
        </p:spPr>
        <p:txBody>
          <a:bodyPr/>
          <a:lstStyle>
            <a:lvl1pPr>
              <a:defRPr sz="900"/>
            </a:lvl1pPr>
            <a:lvl2pPr>
              <a:defRPr sz="900"/>
            </a:lvl2pPr>
            <a:lvl3pPr>
              <a:defRPr sz="900"/>
            </a:lvl3pPr>
            <a:lvl4pPr>
              <a:defRPr sz="900"/>
            </a:lvl4pPr>
            <a:lvl5pPr>
              <a:defRPr sz="900"/>
            </a:lvl5pPr>
          </a:lstStyle>
          <a:p>
            <a:pPr lvl="0"/>
            <a:r>
              <a:rPr lang="da-DK" noProof="0"/>
              <a:t>Klik for at redigere teksttypografierne i masteren</a:t>
            </a:r>
          </a:p>
          <a:p>
            <a:pPr lvl="1"/>
            <a:r>
              <a:rPr lang="da-DK" noProof="0"/>
              <a:t>Andet niveau</a:t>
            </a:r>
          </a:p>
          <a:p>
            <a:pPr lvl="2"/>
            <a:r>
              <a:rPr lang="da-DK" noProof="0"/>
              <a:t>Tredje niveau</a:t>
            </a:r>
          </a:p>
          <a:p>
            <a:pPr lvl="3"/>
            <a:r>
              <a:rPr lang="da-DK" noProof="0"/>
              <a:t>Fjerde niveau</a:t>
            </a:r>
          </a:p>
          <a:p>
            <a:pPr lvl="4"/>
            <a:r>
              <a:rPr lang="da-DK" noProof="0"/>
              <a:t>Femte niveau</a:t>
            </a:r>
            <a:endParaRPr lang="da-DK" dirty="0"/>
          </a:p>
        </p:txBody>
      </p:sp>
      <p:sp>
        <p:nvSpPr>
          <p:cNvPr id="11" name="Content Placeholder 10"/>
          <p:cNvSpPr>
            <a:spLocks noGrp="1"/>
          </p:cNvSpPr>
          <p:nvPr>
            <p:ph sz="quarter" idx="14"/>
          </p:nvPr>
        </p:nvSpPr>
        <p:spPr>
          <a:xfrm>
            <a:off x="3529575" y="6732800"/>
            <a:ext cx="3023592" cy="4492800"/>
          </a:xfrm>
        </p:spPr>
        <p:txBody>
          <a:bodyPr/>
          <a:lstStyle>
            <a:lvl1pPr>
              <a:defRPr sz="900"/>
            </a:lvl1pPr>
            <a:lvl2pPr>
              <a:defRPr sz="900"/>
            </a:lvl2pPr>
            <a:lvl3pPr>
              <a:defRPr sz="900"/>
            </a:lvl3pPr>
            <a:lvl4pPr>
              <a:defRPr sz="900"/>
            </a:lvl4pPr>
            <a:lvl5pPr>
              <a:defRPr sz="900"/>
            </a:lvl5pPr>
          </a:lstStyle>
          <a:p>
            <a:pPr lvl="0"/>
            <a:r>
              <a:rPr lang="da-DK" noProof="0"/>
              <a:t>Klik for at redigere teksttypografierne i masteren</a:t>
            </a:r>
          </a:p>
          <a:p>
            <a:pPr lvl="1"/>
            <a:r>
              <a:rPr lang="da-DK" noProof="0"/>
              <a:t>Andet niveau</a:t>
            </a:r>
          </a:p>
          <a:p>
            <a:pPr lvl="2"/>
            <a:r>
              <a:rPr lang="da-DK" noProof="0"/>
              <a:t>Tredje niveau</a:t>
            </a:r>
          </a:p>
          <a:p>
            <a:pPr lvl="3"/>
            <a:r>
              <a:rPr lang="da-DK" noProof="0"/>
              <a:t>Fjerde niveau</a:t>
            </a:r>
          </a:p>
          <a:p>
            <a:pPr lvl="4"/>
            <a:r>
              <a:rPr lang="da-DK" noProof="0"/>
              <a:t>Femte niveau</a:t>
            </a:r>
            <a:endParaRPr lang="da-DK" dirty="0"/>
          </a:p>
        </p:txBody>
      </p:sp>
      <p:sp>
        <p:nvSpPr>
          <p:cNvPr id="17" name="Text Placeholder notes"/>
          <p:cNvSpPr>
            <a:spLocks noGrp="1"/>
          </p:cNvSpPr>
          <p:nvPr>
            <p:ph type="body" sz="quarter" idx="17"/>
          </p:nvPr>
        </p:nvSpPr>
        <p:spPr>
          <a:xfrm>
            <a:off x="303750" y="11232003"/>
            <a:ext cx="6250856" cy="321289"/>
          </a:xfrm>
        </p:spPr>
        <p:txBody>
          <a:bodyPr anchor="b" anchorCtr="0"/>
          <a:lstStyle>
            <a:lvl1pPr marL="0" indent="0">
              <a:spcAft>
                <a:spcPts val="169"/>
              </a:spcAft>
              <a:buFont typeface="Arial" panose="020B0604020202020204" pitchFamily="34" charset="0"/>
              <a:buNone/>
              <a:defRPr sz="450" i="1"/>
            </a:lvl1pPr>
            <a:lvl2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2pPr>
            <a:lvl3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3pPr>
            <a:lvl4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4pPr>
            <a:lvl5pPr marL="0" indent="0">
              <a:buFont typeface="Arial" panose="020B0604020202020204" pitchFamily="34" charset="0"/>
              <a:buNone/>
              <a:defRPr/>
            </a:lvl5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8" name="Date Placeholder 23">
            <a:extLst>
              <a:ext uri="{FF2B5EF4-FFF2-40B4-BE49-F238E27FC236}">
                <a16:creationId xmlns:a16="http://schemas.microsoft.com/office/drawing/2014/main" id="{8871C841-19C5-CAED-3077-717272EEE84C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9A623F70-7D23-420B-AFD8-5068CC25B501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9" name="Footer Placeholder 24">
            <a:extLst>
              <a:ext uri="{FF2B5EF4-FFF2-40B4-BE49-F238E27FC236}">
                <a16:creationId xmlns:a16="http://schemas.microsoft.com/office/drawing/2014/main" id="{0C3F8313-0615-0439-6C9C-9518944B11D9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10" name="Slide Number Placeholder 25">
            <a:extLst>
              <a:ext uri="{FF2B5EF4-FFF2-40B4-BE49-F238E27FC236}">
                <a16:creationId xmlns:a16="http://schemas.microsoft.com/office/drawing/2014/main" id="{EEF8779D-BF9E-5565-FFE2-15C47B38D956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BDDC280E-5E91-4BB9-96FA-986B81B85A39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83622589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RAPPORT Syv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ggrund">
            <a:extLst>
              <a:ext uri="{FF2B5EF4-FFF2-40B4-BE49-F238E27FC236}">
                <a16:creationId xmlns:a16="http://schemas.microsoft.com/office/drawing/2014/main" id="{263FED0F-200A-91C0-5B6E-D20612A0A285}"/>
              </a:ext>
            </a:extLst>
          </p:cNvPr>
          <p:cNvSpPr/>
          <p:nvPr userDrawn="1"/>
        </p:nvSpPr>
        <p:spPr>
          <a:xfrm>
            <a:off x="0" y="0"/>
            <a:ext cx="6858000" cy="12192000"/>
          </a:xfrm>
          <a:prstGeom prst="rect">
            <a:avLst/>
          </a:prstGeom>
          <a:solidFill>
            <a:srgbClr val="EBE0C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20250" rIns="40500" bIns="2025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en-GB" sz="1125" dirty="0"/>
          </a:p>
        </p:txBody>
      </p:sp>
      <p:sp>
        <p:nvSpPr>
          <p:cNvPr id="6" name="Logo">
            <a:extLst>
              <a:ext uri="{FF2B5EF4-FFF2-40B4-BE49-F238E27FC236}">
                <a16:creationId xmlns:a16="http://schemas.microsoft.com/office/drawing/2014/main" id="{0072353D-3E5D-C07B-410F-62A260C95987}"/>
              </a:ext>
            </a:extLst>
          </p:cNvPr>
          <p:cNvSpPr/>
          <p:nvPr userDrawn="1"/>
        </p:nvSpPr>
        <p:spPr>
          <a:xfrm>
            <a:off x="6197600" y="639763"/>
            <a:ext cx="355600" cy="635000"/>
          </a:xfrm>
          <a:custGeom>
            <a:avLst/>
            <a:gdLst>
              <a:gd name="connsiteX0" fmla="*/ 3991223 w 5553123"/>
              <a:gd name="connsiteY0" fmla="*/ 1407246 h 3128654"/>
              <a:gd name="connsiteX1" fmla="*/ 3430346 w 5553123"/>
              <a:gd name="connsiteY1" fmla="*/ 1968030 h 3128654"/>
              <a:gd name="connsiteX2" fmla="*/ 3597555 w 5553123"/>
              <a:gd name="connsiteY2" fmla="*/ 1999879 h 3128654"/>
              <a:gd name="connsiteX3" fmla="*/ 4017277 w 5553123"/>
              <a:gd name="connsiteY3" fmla="*/ 1565700 h 3128654"/>
              <a:gd name="connsiteX4" fmla="*/ 4017243 w 5553123"/>
              <a:gd name="connsiteY4" fmla="*/ 1565803 h 3128654"/>
              <a:gd name="connsiteX5" fmla="*/ 3991223 w 5553123"/>
              <a:gd name="connsiteY5" fmla="*/ 1407246 h 3128654"/>
              <a:gd name="connsiteX6" fmla="*/ 3597692 w 5553123"/>
              <a:gd name="connsiteY6" fmla="*/ 1131487 h 3128654"/>
              <a:gd name="connsiteX7" fmla="*/ 3172031 w 5553123"/>
              <a:gd name="connsiteY7" fmla="*/ 1565700 h 3128654"/>
              <a:gd name="connsiteX8" fmla="*/ 3171997 w 5553123"/>
              <a:gd name="connsiteY8" fmla="*/ 1565803 h 3128654"/>
              <a:gd name="connsiteX9" fmla="*/ 3197296 w 5553123"/>
              <a:gd name="connsiteY9" fmla="*/ 1722061 h 3128654"/>
              <a:gd name="connsiteX10" fmla="*/ 3757830 w 5553123"/>
              <a:gd name="connsiteY10" fmla="*/ 1161723 h 3128654"/>
              <a:gd name="connsiteX11" fmla="*/ 3597692 w 5553123"/>
              <a:gd name="connsiteY11" fmla="*/ 1131487 h 3128654"/>
              <a:gd name="connsiteX12" fmla="*/ 2205438 w 5553123"/>
              <a:gd name="connsiteY12" fmla="*/ 837298 h 3128654"/>
              <a:gd name="connsiteX13" fmla="*/ 2590180 w 5553123"/>
              <a:gd name="connsiteY13" fmla="*/ 837298 h 3128654"/>
              <a:gd name="connsiteX14" fmla="*/ 2590180 w 5553123"/>
              <a:gd name="connsiteY14" fmla="*/ 2548651 h 3128654"/>
              <a:gd name="connsiteX15" fmla="*/ 2015984 w 5553123"/>
              <a:gd name="connsiteY15" fmla="*/ 3128654 h 3128654"/>
              <a:gd name="connsiteX16" fmla="*/ 1756572 w 5553123"/>
              <a:gd name="connsiteY16" fmla="*/ 3073262 h 3128654"/>
              <a:gd name="connsiteX17" fmla="*/ 1844038 w 5553123"/>
              <a:gd name="connsiteY17" fmla="*/ 2761571 h 3128654"/>
              <a:gd name="connsiteX18" fmla="*/ 1989724 w 5553123"/>
              <a:gd name="connsiteY18" fmla="*/ 2787791 h 3128654"/>
              <a:gd name="connsiteX19" fmla="*/ 2205438 w 5553123"/>
              <a:gd name="connsiteY19" fmla="*/ 2548857 h 3128654"/>
              <a:gd name="connsiteX20" fmla="*/ 4139105 w 5553123"/>
              <a:gd name="connsiteY20" fmla="*/ 780499 h 3128654"/>
              <a:gd name="connsiteX21" fmla="*/ 4378642 w 5553123"/>
              <a:gd name="connsiteY21" fmla="*/ 1020017 h 3128654"/>
              <a:gd name="connsiteX22" fmla="*/ 4263474 w 5553123"/>
              <a:gd name="connsiteY22" fmla="*/ 1135365 h 3128654"/>
              <a:gd name="connsiteX23" fmla="*/ 4390485 w 5553123"/>
              <a:gd name="connsiteY23" fmla="*/ 1565769 h 3128654"/>
              <a:gd name="connsiteX24" fmla="*/ 3597520 w 5553123"/>
              <a:gd name="connsiteY24" fmla="*/ 2335080 h 3128654"/>
              <a:gd name="connsiteX25" fmla="*/ 3173748 w 5553123"/>
              <a:gd name="connsiteY25" fmla="*/ 2224604 h 3128654"/>
              <a:gd name="connsiteX26" fmla="*/ 3050169 w 5553123"/>
              <a:gd name="connsiteY26" fmla="*/ 2348155 h 3128654"/>
              <a:gd name="connsiteX27" fmla="*/ 2810563 w 5553123"/>
              <a:gd name="connsiteY27" fmla="*/ 2108707 h 3128654"/>
              <a:gd name="connsiteX28" fmla="*/ 2925320 w 5553123"/>
              <a:gd name="connsiteY28" fmla="*/ 1993976 h 3128654"/>
              <a:gd name="connsiteX29" fmla="*/ 2798892 w 5553123"/>
              <a:gd name="connsiteY29" fmla="*/ 1565838 h 3128654"/>
              <a:gd name="connsiteX30" fmla="*/ 3597486 w 5553123"/>
              <a:gd name="connsiteY30" fmla="*/ 793644 h 3128654"/>
              <a:gd name="connsiteX31" fmla="*/ 4015526 w 5553123"/>
              <a:gd name="connsiteY31" fmla="*/ 904050 h 3128654"/>
              <a:gd name="connsiteX32" fmla="*/ 396379 w 5553123"/>
              <a:gd name="connsiteY32" fmla="*/ 435140 h 3128654"/>
              <a:gd name="connsiteX33" fmla="*/ 396379 w 5553123"/>
              <a:gd name="connsiteY33" fmla="*/ 1932956 h 3128654"/>
              <a:gd name="connsiteX34" fmla="*/ 846344 w 5553123"/>
              <a:gd name="connsiteY34" fmla="*/ 1932956 h 3128654"/>
              <a:gd name="connsiteX35" fmla="*/ 1601274 w 5553123"/>
              <a:gd name="connsiteY35" fmla="*/ 1184065 h 3128654"/>
              <a:gd name="connsiteX36" fmla="*/ 846344 w 5553123"/>
              <a:gd name="connsiteY36" fmla="*/ 435140 h 3128654"/>
              <a:gd name="connsiteX37" fmla="*/ 0 w 5553123"/>
              <a:gd name="connsiteY37" fmla="*/ 76739 h 3128654"/>
              <a:gd name="connsiteX38" fmla="*/ 820049 w 5553123"/>
              <a:gd name="connsiteY38" fmla="*/ 76739 h 3128654"/>
              <a:gd name="connsiteX39" fmla="*/ 2000502 w 5553123"/>
              <a:gd name="connsiteY39" fmla="*/ 1184065 h 3128654"/>
              <a:gd name="connsiteX40" fmla="*/ 820049 w 5553123"/>
              <a:gd name="connsiteY40" fmla="*/ 2291391 h 3128654"/>
              <a:gd name="connsiteX41" fmla="*/ 0 w 5553123"/>
              <a:gd name="connsiteY41" fmla="*/ 2291391 h 3128654"/>
              <a:gd name="connsiteX42" fmla="*/ 5214998 w 5553123"/>
              <a:gd name="connsiteY42" fmla="*/ 0 h 3128654"/>
              <a:gd name="connsiteX43" fmla="*/ 5474410 w 5553123"/>
              <a:gd name="connsiteY43" fmla="*/ 55393 h 3128654"/>
              <a:gd name="connsiteX44" fmla="*/ 5386944 w 5553123"/>
              <a:gd name="connsiteY44" fmla="*/ 367187 h 3128654"/>
              <a:gd name="connsiteX45" fmla="*/ 5241258 w 5553123"/>
              <a:gd name="connsiteY45" fmla="*/ 340932 h 3128654"/>
              <a:gd name="connsiteX46" fmla="*/ 5025544 w 5553123"/>
              <a:gd name="connsiteY46" fmla="*/ 579901 h 3128654"/>
              <a:gd name="connsiteX47" fmla="*/ 5025544 w 5553123"/>
              <a:gd name="connsiteY47" fmla="*/ 837299 h 3128654"/>
              <a:gd name="connsiteX48" fmla="*/ 5553123 w 5553123"/>
              <a:gd name="connsiteY48" fmla="*/ 837402 h 3128654"/>
              <a:gd name="connsiteX49" fmla="*/ 5553123 w 5553123"/>
              <a:gd name="connsiteY49" fmla="*/ 1152113 h 3128654"/>
              <a:gd name="connsiteX50" fmla="*/ 5025544 w 5553123"/>
              <a:gd name="connsiteY50" fmla="*/ 1152113 h 3128654"/>
              <a:gd name="connsiteX51" fmla="*/ 5025544 w 5553123"/>
              <a:gd name="connsiteY51" fmla="*/ 2291528 h 3128654"/>
              <a:gd name="connsiteX52" fmla="*/ 4640802 w 5553123"/>
              <a:gd name="connsiteY52" fmla="*/ 2291528 h 3128654"/>
              <a:gd name="connsiteX53" fmla="*/ 4640802 w 5553123"/>
              <a:gd name="connsiteY53" fmla="*/ 1152113 h 3128654"/>
              <a:gd name="connsiteX54" fmla="*/ 4423612 w 5553123"/>
              <a:gd name="connsiteY54" fmla="*/ 1152113 h 3128654"/>
              <a:gd name="connsiteX55" fmla="*/ 4423612 w 5553123"/>
              <a:gd name="connsiteY55" fmla="*/ 837402 h 3128654"/>
              <a:gd name="connsiteX56" fmla="*/ 4640802 w 5553123"/>
              <a:gd name="connsiteY56" fmla="*/ 837402 h 3128654"/>
              <a:gd name="connsiteX57" fmla="*/ 4640802 w 5553123"/>
              <a:gd name="connsiteY57" fmla="*/ 580004 h 3128654"/>
              <a:gd name="connsiteX58" fmla="*/ 5214998 w 5553123"/>
              <a:gd name="connsiteY58" fmla="*/ 0 h 31286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5553123" h="3128654">
                <a:moveTo>
                  <a:pt x="3991223" y="1407246"/>
                </a:moveTo>
                <a:lnTo>
                  <a:pt x="3430346" y="1968030"/>
                </a:lnTo>
                <a:cubicBezTo>
                  <a:pt x="3483553" y="1989213"/>
                  <a:pt x="3540297" y="2000023"/>
                  <a:pt x="3597555" y="1999879"/>
                </a:cubicBezTo>
                <a:cubicBezTo>
                  <a:pt x="3819070" y="1999879"/>
                  <a:pt x="4017277" y="1836826"/>
                  <a:pt x="4017277" y="1565700"/>
                </a:cubicBezTo>
                <a:lnTo>
                  <a:pt x="4017243" y="1565803"/>
                </a:lnTo>
                <a:cubicBezTo>
                  <a:pt x="4017518" y="1511866"/>
                  <a:pt x="4008729" y="1458269"/>
                  <a:pt x="3991223" y="1407246"/>
                </a:cubicBezTo>
                <a:close/>
                <a:moveTo>
                  <a:pt x="3597692" y="1131487"/>
                </a:moveTo>
                <a:cubicBezTo>
                  <a:pt x="3370204" y="1131487"/>
                  <a:pt x="3172031" y="1294574"/>
                  <a:pt x="3172031" y="1565700"/>
                </a:cubicBezTo>
                <a:lnTo>
                  <a:pt x="3171997" y="1565803"/>
                </a:lnTo>
                <a:cubicBezTo>
                  <a:pt x="3171757" y="1618927"/>
                  <a:pt x="3180304" y="1671724"/>
                  <a:pt x="3197296" y="1722061"/>
                </a:cubicBezTo>
                <a:lnTo>
                  <a:pt x="3757830" y="1161723"/>
                </a:lnTo>
                <a:cubicBezTo>
                  <a:pt x="3706819" y="1141649"/>
                  <a:pt x="3652513" y="1131391"/>
                  <a:pt x="3597692" y="1131487"/>
                </a:cubicBezTo>
                <a:close/>
                <a:moveTo>
                  <a:pt x="2205438" y="837298"/>
                </a:moveTo>
                <a:lnTo>
                  <a:pt x="2590180" y="837298"/>
                </a:lnTo>
                <a:lnTo>
                  <a:pt x="2590180" y="2548651"/>
                </a:lnTo>
                <a:cubicBezTo>
                  <a:pt x="2590180" y="2895520"/>
                  <a:pt x="2359911" y="3128654"/>
                  <a:pt x="2015984" y="3128654"/>
                </a:cubicBezTo>
                <a:cubicBezTo>
                  <a:pt x="1922717" y="3128654"/>
                  <a:pt x="1838202" y="3111014"/>
                  <a:pt x="1756572" y="3073262"/>
                </a:cubicBezTo>
                <a:lnTo>
                  <a:pt x="1844038" y="2761571"/>
                </a:lnTo>
                <a:cubicBezTo>
                  <a:pt x="1896456" y="2779074"/>
                  <a:pt x="1948909" y="2787791"/>
                  <a:pt x="1989724" y="2787791"/>
                </a:cubicBezTo>
                <a:cubicBezTo>
                  <a:pt x="2118006" y="2787791"/>
                  <a:pt x="2205438" y="2691627"/>
                  <a:pt x="2205438" y="2548857"/>
                </a:cubicBezTo>
                <a:close/>
                <a:moveTo>
                  <a:pt x="4139105" y="780499"/>
                </a:moveTo>
                <a:lnTo>
                  <a:pt x="4378642" y="1020017"/>
                </a:lnTo>
                <a:lnTo>
                  <a:pt x="4263474" y="1135365"/>
                </a:lnTo>
                <a:cubicBezTo>
                  <a:pt x="4343457" y="1255038"/>
                  <a:pt x="4390485" y="1401034"/>
                  <a:pt x="4390485" y="1565769"/>
                </a:cubicBezTo>
                <a:cubicBezTo>
                  <a:pt x="4390485" y="2023285"/>
                  <a:pt x="4028880" y="2335080"/>
                  <a:pt x="3597520" y="2335080"/>
                </a:cubicBezTo>
                <a:cubicBezTo>
                  <a:pt x="3442429" y="2335080"/>
                  <a:pt x="3296983" y="2295681"/>
                  <a:pt x="3173748" y="2224604"/>
                </a:cubicBezTo>
                <a:lnTo>
                  <a:pt x="3050169" y="2348155"/>
                </a:lnTo>
                <a:lnTo>
                  <a:pt x="2810563" y="2108707"/>
                </a:lnTo>
                <a:lnTo>
                  <a:pt x="2925320" y="1993976"/>
                </a:lnTo>
                <a:cubicBezTo>
                  <a:pt x="2845543" y="1875058"/>
                  <a:pt x="2798892" y="1729886"/>
                  <a:pt x="2798892" y="1565838"/>
                </a:cubicBezTo>
                <a:cubicBezTo>
                  <a:pt x="2798892" y="1108390"/>
                  <a:pt x="3160291" y="793644"/>
                  <a:pt x="3597486" y="793644"/>
                </a:cubicBezTo>
                <a:cubicBezTo>
                  <a:pt x="3749866" y="793644"/>
                  <a:pt x="3893424" y="833077"/>
                  <a:pt x="4015526" y="904050"/>
                </a:cubicBezTo>
                <a:close/>
                <a:moveTo>
                  <a:pt x="396379" y="435140"/>
                </a:moveTo>
                <a:lnTo>
                  <a:pt x="396379" y="1932956"/>
                </a:lnTo>
                <a:lnTo>
                  <a:pt x="846344" y="1932956"/>
                </a:lnTo>
                <a:cubicBezTo>
                  <a:pt x="1298059" y="1932956"/>
                  <a:pt x="1601274" y="1632830"/>
                  <a:pt x="1601274" y="1184065"/>
                </a:cubicBezTo>
                <a:cubicBezTo>
                  <a:pt x="1601274" y="735300"/>
                  <a:pt x="1298128" y="435140"/>
                  <a:pt x="846344" y="435140"/>
                </a:cubicBezTo>
                <a:close/>
                <a:moveTo>
                  <a:pt x="0" y="76739"/>
                </a:moveTo>
                <a:lnTo>
                  <a:pt x="820049" y="76739"/>
                </a:lnTo>
                <a:cubicBezTo>
                  <a:pt x="1528328" y="76739"/>
                  <a:pt x="2000502" y="519670"/>
                  <a:pt x="2000502" y="1184065"/>
                </a:cubicBezTo>
                <a:cubicBezTo>
                  <a:pt x="2000502" y="1848460"/>
                  <a:pt x="1528328" y="2291391"/>
                  <a:pt x="820049" y="2291391"/>
                </a:cubicBezTo>
                <a:lnTo>
                  <a:pt x="0" y="2291391"/>
                </a:lnTo>
                <a:close/>
                <a:moveTo>
                  <a:pt x="5214998" y="0"/>
                </a:moveTo>
                <a:cubicBezTo>
                  <a:pt x="5308265" y="0"/>
                  <a:pt x="5392780" y="17641"/>
                  <a:pt x="5474410" y="55393"/>
                </a:cubicBezTo>
                <a:lnTo>
                  <a:pt x="5386944" y="367187"/>
                </a:lnTo>
                <a:cubicBezTo>
                  <a:pt x="5334526" y="349684"/>
                  <a:pt x="5282074" y="340932"/>
                  <a:pt x="5241258" y="340932"/>
                </a:cubicBezTo>
                <a:cubicBezTo>
                  <a:pt x="5112976" y="340932"/>
                  <a:pt x="5025544" y="437131"/>
                  <a:pt x="5025544" y="579901"/>
                </a:cubicBezTo>
                <a:lnTo>
                  <a:pt x="5025544" y="837299"/>
                </a:lnTo>
                <a:lnTo>
                  <a:pt x="5553123" y="837402"/>
                </a:lnTo>
                <a:lnTo>
                  <a:pt x="5553123" y="1152113"/>
                </a:lnTo>
                <a:lnTo>
                  <a:pt x="5025544" y="1152113"/>
                </a:lnTo>
                <a:lnTo>
                  <a:pt x="5025544" y="2291528"/>
                </a:lnTo>
                <a:lnTo>
                  <a:pt x="4640802" y="2291528"/>
                </a:lnTo>
                <a:lnTo>
                  <a:pt x="4640802" y="1152113"/>
                </a:lnTo>
                <a:lnTo>
                  <a:pt x="4423612" y="1152113"/>
                </a:lnTo>
                <a:lnTo>
                  <a:pt x="4423612" y="837402"/>
                </a:lnTo>
                <a:lnTo>
                  <a:pt x="4640802" y="837402"/>
                </a:lnTo>
                <a:lnTo>
                  <a:pt x="4640802" y="580004"/>
                </a:lnTo>
                <a:cubicBezTo>
                  <a:pt x="4640802" y="233134"/>
                  <a:pt x="4871070" y="0"/>
                  <a:pt x="5214998" y="0"/>
                </a:cubicBezTo>
                <a:close/>
              </a:path>
            </a:pathLst>
          </a:custGeom>
          <a:solidFill>
            <a:srgbClr val="1D1D1B"/>
          </a:solidFill>
          <a:ln w="3432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03750" y="1599996"/>
            <a:ext cx="1410750" cy="4492800"/>
          </a:xfrm>
        </p:spPr>
        <p:txBody>
          <a:bodyPr/>
          <a:lstStyle>
            <a:lvl1pPr>
              <a:defRPr sz="1350"/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03751" y="6732800"/>
            <a:ext cx="1411425" cy="4492800"/>
          </a:xfrm>
        </p:spPr>
        <p:txBody>
          <a:bodyPr/>
          <a:lstStyle>
            <a:lvl1pPr>
              <a:defRPr sz="900"/>
            </a:lvl1pPr>
            <a:lvl2pPr>
              <a:defRPr sz="900"/>
            </a:lvl2pPr>
            <a:lvl3pPr>
              <a:defRPr sz="900"/>
            </a:lvl3pPr>
            <a:lvl4pPr>
              <a:defRPr sz="900"/>
            </a:lvl4pPr>
            <a:lvl5pPr>
              <a:defRPr sz="900"/>
            </a:lvl5pPr>
          </a:lstStyle>
          <a:p>
            <a:pPr lvl="0"/>
            <a:r>
              <a:rPr lang="da-DK" noProof="0"/>
              <a:t>Klik for at redigere teksttypografierne i masteren</a:t>
            </a:r>
          </a:p>
          <a:p>
            <a:pPr lvl="1"/>
            <a:r>
              <a:rPr lang="da-DK" noProof="0"/>
              <a:t>Andet niveau</a:t>
            </a:r>
          </a:p>
          <a:p>
            <a:pPr lvl="2"/>
            <a:r>
              <a:rPr lang="da-DK" noProof="0"/>
              <a:t>Tredje niveau</a:t>
            </a:r>
          </a:p>
          <a:p>
            <a:pPr lvl="3"/>
            <a:r>
              <a:rPr lang="da-DK" noProof="0"/>
              <a:t>Fjerde niveau</a:t>
            </a:r>
          </a:p>
        </p:txBody>
      </p:sp>
      <p:sp>
        <p:nvSpPr>
          <p:cNvPr id="7" name="Content Placeholder 3"/>
          <p:cNvSpPr>
            <a:spLocks noGrp="1"/>
          </p:cNvSpPr>
          <p:nvPr>
            <p:ph sz="half" idx="2"/>
          </p:nvPr>
        </p:nvSpPr>
        <p:spPr>
          <a:xfrm>
            <a:off x="1916310" y="1599998"/>
            <a:ext cx="1411425" cy="4492800"/>
          </a:xfrm>
        </p:spPr>
        <p:txBody>
          <a:bodyPr/>
          <a:lstStyle>
            <a:lvl1pPr>
              <a:defRPr sz="900"/>
            </a:lvl1pPr>
            <a:lvl2pPr>
              <a:defRPr sz="900"/>
            </a:lvl2pPr>
            <a:lvl3pPr>
              <a:defRPr sz="900"/>
            </a:lvl3pPr>
            <a:lvl4pPr>
              <a:defRPr sz="900"/>
            </a:lvl4pPr>
            <a:lvl5pPr>
              <a:defRPr sz="900"/>
            </a:lvl5pPr>
          </a:lstStyle>
          <a:p>
            <a:pPr lvl="0"/>
            <a:r>
              <a:rPr lang="da-DK" noProof="0"/>
              <a:t>Klik for at redigere teksttypografierne i masteren</a:t>
            </a:r>
          </a:p>
          <a:p>
            <a:pPr lvl="1"/>
            <a:r>
              <a:rPr lang="da-DK" noProof="0"/>
              <a:t>Andet niveau</a:t>
            </a:r>
          </a:p>
          <a:p>
            <a:pPr lvl="2"/>
            <a:r>
              <a:rPr lang="da-DK" noProof="0"/>
              <a:t>Tredje niveau</a:t>
            </a:r>
          </a:p>
          <a:p>
            <a:pPr lvl="3"/>
            <a:r>
              <a:rPr lang="da-DK" noProof="0"/>
              <a:t>Fjerde niveau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sz="quarter" idx="13"/>
          </p:nvPr>
        </p:nvSpPr>
        <p:spPr>
          <a:xfrm>
            <a:off x="1916310" y="6732800"/>
            <a:ext cx="1411425" cy="4492800"/>
          </a:xfrm>
        </p:spPr>
        <p:txBody>
          <a:bodyPr/>
          <a:lstStyle>
            <a:lvl1pPr>
              <a:defRPr sz="900"/>
            </a:lvl1pPr>
            <a:lvl2pPr>
              <a:defRPr sz="900"/>
            </a:lvl2pPr>
            <a:lvl3pPr>
              <a:defRPr sz="900"/>
            </a:lvl3pPr>
            <a:lvl4pPr>
              <a:defRPr sz="900"/>
            </a:lvl4pPr>
            <a:lvl5pPr>
              <a:defRPr sz="900"/>
            </a:lvl5pPr>
          </a:lstStyle>
          <a:p>
            <a:pPr lvl="0"/>
            <a:r>
              <a:rPr lang="da-DK" noProof="0"/>
              <a:t>Klik for at redigere teksttypografierne i masteren</a:t>
            </a:r>
          </a:p>
          <a:p>
            <a:pPr lvl="1"/>
            <a:r>
              <a:rPr lang="da-DK" noProof="0"/>
              <a:t>Andet niveau</a:t>
            </a:r>
          </a:p>
          <a:p>
            <a:pPr lvl="2"/>
            <a:r>
              <a:rPr lang="da-DK" noProof="0"/>
              <a:t>Tredje niveau</a:t>
            </a:r>
          </a:p>
          <a:p>
            <a:pPr lvl="3"/>
            <a:r>
              <a:rPr lang="da-DK" noProof="0"/>
              <a:t>Fjerde niveau</a:t>
            </a:r>
          </a:p>
        </p:txBody>
      </p:sp>
      <p:sp>
        <p:nvSpPr>
          <p:cNvPr id="11" name="Content Placeholder 10"/>
          <p:cNvSpPr>
            <a:spLocks noGrp="1"/>
          </p:cNvSpPr>
          <p:nvPr>
            <p:ph sz="quarter" idx="14"/>
          </p:nvPr>
        </p:nvSpPr>
        <p:spPr>
          <a:xfrm>
            <a:off x="3529906" y="1599998"/>
            <a:ext cx="1411425" cy="4492800"/>
          </a:xfrm>
        </p:spPr>
        <p:txBody>
          <a:bodyPr/>
          <a:lstStyle>
            <a:lvl1pPr>
              <a:defRPr sz="900"/>
            </a:lvl1pPr>
            <a:lvl2pPr>
              <a:defRPr sz="900"/>
            </a:lvl2pPr>
            <a:lvl3pPr>
              <a:defRPr sz="900"/>
            </a:lvl3pPr>
            <a:lvl4pPr>
              <a:defRPr sz="900"/>
            </a:lvl4pPr>
            <a:lvl5pPr>
              <a:defRPr sz="900"/>
            </a:lvl5pPr>
          </a:lstStyle>
          <a:p>
            <a:pPr lvl="0"/>
            <a:r>
              <a:rPr lang="da-DK" noProof="0"/>
              <a:t>Klik for at redigere teksttypografierne i masteren</a:t>
            </a:r>
          </a:p>
          <a:p>
            <a:pPr lvl="1"/>
            <a:r>
              <a:rPr lang="da-DK" noProof="0"/>
              <a:t>Andet niveau</a:t>
            </a:r>
          </a:p>
          <a:p>
            <a:pPr lvl="2"/>
            <a:r>
              <a:rPr lang="da-DK" noProof="0"/>
              <a:t>Tredje niveau</a:t>
            </a:r>
          </a:p>
          <a:p>
            <a:pPr lvl="3"/>
            <a:r>
              <a:rPr lang="da-DK" noProof="0"/>
              <a:t>Fjerde niveau</a:t>
            </a:r>
          </a:p>
        </p:txBody>
      </p:sp>
      <p:sp>
        <p:nvSpPr>
          <p:cNvPr id="13" name="Content Placeholder 12"/>
          <p:cNvSpPr>
            <a:spLocks noGrp="1"/>
          </p:cNvSpPr>
          <p:nvPr>
            <p:ph sz="quarter" idx="15"/>
          </p:nvPr>
        </p:nvSpPr>
        <p:spPr>
          <a:xfrm>
            <a:off x="3529906" y="6732800"/>
            <a:ext cx="1411425" cy="4492800"/>
          </a:xfrm>
        </p:spPr>
        <p:txBody>
          <a:bodyPr/>
          <a:lstStyle>
            <a:lvl1pPr>
              <a:defRPr sz="900"/>
            </a:lvl1pPr>
            <a:lvl2pPr>
              <a:defRPr sz="900"/>
            </a:lvl2pPr>
            <a:lvl3pPr>
              <a:defRPr sz="900"/>
            </a:lvl3pPr>
            <a:lvl4pPr>
              <a:defRPr sz="900"/>
            </a:lvl4pPr>
            <a:lvl5pPr>
              <a:defRPr sz="900"/>
            </a:lvl5pPr>
          </a:lstStyle>
          <a:p>
            <a:pPr lvl="0"/>
            <a:r>
              <a:rPr lang="da-DK" noProof="0"/>
              <a:t>Klik for at redigere teksttypografierne i masteren</a:t>
            </a:r>
          </a:p>
          <a:p>
            <a:pPr lvl="1"/>
            <a:r>
              <a:rPr lang="da-DK" noProof="0"/>
              <a:t>Andet niveau</a:t>
            </a:r>
          </a:p>
          <a:p>
            <a:pPr lvl="2"/>
            <a:r>
              <a:rPr lang="da-DK" noProof="0"/>
              <a:t>Tredje niveau</a:t>
            </a:r>
          </a:p>
          <a:p>
            <a:pPr lvl="3"/>
            <a:r>
              <a:rPr lang="da-DK" noProof="0"/>
              <a:t>Fjerde niveau</a:t>
            </a:r>
          </a:p>
        </p:txBody>
      </p:sp>
      <p:sp>
        <p:nvSpPr>
          <p:cNvPr id="15" name="Content Placeholder 14"/>
          <p:cNvSpPr>
            <a:spLocks noGrp="1"/>
          </p:cNvSpPr>
          <p:nvPr>
            <p:ph sz="quarter" idx="16"/>
          </p:nvPr>
        </p:nvSpPr>
        <p:spPr>
          <a:xfrm>
            <a:off x="5143502" y="1599998"/>
            <a:ext cx="1411425" cy="4492800"/>
          </a:xfrm>
        </p:spPr>
        <p:txBody>
          <a:bodyPr/>
          <a:lstStyle>
            <a:lvl1pPr>
              <a:defRPr sz="900"/>
            </a:lvl1pPr>
            <a:lvl2pPr>
              <a:defRPr sz="900"/>
            </a:lvl2pPr>
            <a:lvl3pPr>
              <a:defRPr sz="900"/>
            </a:lvl3pPr>
            <a:lvl4pPr>
              <a:defRPr sz="900"/>
            </a:lvl4pPr>
            <a:lvl5pPr>
              <a:defRPr sz="900"/>
            </a:lvl5pPr>
          </a:lstStyle>
          <a:p>
            <a:pPr lvl="0"/>
            <a:r>
              <a:rPr lang="da-DK" noProof="0"/>
              <a:t>Klik for at redigere teksttypografierne i masteren</a:t>
            </a:r>
          </a:p>
          <a:p>
            <a:pPr lvl="1"/>
            <a:r>
              <a:rPr lang="da-DK" noProof="0"/>
              <a:t>Andet niveau</a:t>
            </a:r>
          </a:p>
          <a:p>
            <a:pPr lvl="2"/>
            <a:r>
              <a:rPr lang="da-DK" noProof="0"/>
              <a:t>Tredje niveau</a:t>
            </a:r>
          </a:p>
          <a:p>
            <a:pPr lvl="3"/>
            <a:r>
              <a:rPr lang="da-DK" noProof="0"/>
              <a:t>Fjerde niveau</a:t>
            </a:r>
          </a:p>
        </p:txBody>
      </p:sp>
      <p:sp>
        <p:nvSpPr>
          <p:cNvPr id="19" name="Content Placeholder 18"/>
          <p:cNvSpPr>
            <a:spLocks noGrp="1"/>
          </p:cNvSpPr>
          <p:nvPr>
            <p:ph sz="quarter" idx="23"/>
          </p:nvPr>
        </p:nvSpPr>
        <p:spPr>
          <a:xfrm>
            <a:off x="5143502" y="6732800"/>
            <a:ext cx="1411425" cy="44928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</p:txBody>
      </p:sp>
      <p:sp>
        <p:nvSpPr>
          <p:cNvPr id="17" name="Text Placeholder notes"/>
          <p:cNvSpPr>
            <a:spLocks noGrp="1"/>
          </p:cNvSpPr>
          <p:nvPr>
            <p:ph type="body" sz="quarter" idx="17"/>
          </p:nvPr>
        </p:nvSpPr>
        <p:spPr>
          <a:xfrm>
            <a:off x="303750" y="11232003"/>
            <a:ext cx="6250856" cy="321289"/>
          </a:xfrm>
        </p:spPr>
        <p:txBody>
          <a:bodyPr anchor="b" anchorCtr="0"/>
          <a:lstStyle>
            <a:lvl1pPr marL="0" indent="0">
              <a:spcAft>
                <a:spcPts val="169"/>
              </a:spcAft>
              <a:buFont typeface="Arial" panose="020B0604020202020204" pitchFamily="34" charset="0"/>
              <a:buNone/>
              <a:defRPr sz="450" i="1"/>
            </a:lvl1pPr>
            <a:lvl2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2pPr>
            <a:lvl3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3pPr>
            <a:lvl4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4pPr>
            <a:lvl5pPr marL="0" indent="0">
              <a:buFont typeface="Arial" panose="020B0604020202020204" pitchFamily="34" charset="0"/>
              <a:buNone/>
              <a:defRPr/>
            </a:lvl5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8" name="Date Placeholder 23">
            <a:extLst>
              <a:ext uri="{FF2B5EF4-FFF2-40B4-BE49-F238E27FC236}">
                <a16:creationId xmlns:a16="http://schemas.microsoft.com/office/drawing/2014/main" id="{43CAD58E-E539-BB60-D1A0-B62B3C6772CE}"/>
              </a:ext>
            </a:extLst>
          </p:cNvPr>
          <p:cNvSpPr>
            <a:spLocks noGrp="1"/>
          </p:cNvSpPr>
          <p:nvPr>
            <p:ph type="dt" sz="half" idx="24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424E42FB-0FFF-44CF-B9DD-51547C1C87C4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9" name="Footer Placeholder 24">
            <a:extLst>
              <a:ext uri="{FF2B5EF4-FFF2-40B4-BE49-F238E27FC236}">
                <a16:creationId xmlns:a16="http://schemas.microsoft.com/office/drawing/2014/main" id="{9E0AC75D-4376-8BBE-4728-EDACA93CD0F3}"/>
              </a:ext>
            </a:extLst>
          </p:cNvPr>
          <p:cNvSpPr>
            <a:spLocks noGrp="1"/>
          </p:cNvSpPr>
          <p:nvPr>
            <p:ph type="ftr" sz="quarter" idx="25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10" name="Slide Number Placeholder 25">
            <a:extLst>
              <a:ext uri="{FF2B5EF4-FFF2-40B4-BE49-F238E27FC236}">
                <a16:creationId xmlns:a16="http://schemas.microsoft.com/office/drawing/2014/main" id="{3CE7A465-1DAA-C3EB-5458-A9171C77AB21}"/>
              </a:ext>
            </a:extLst>
          </p:cNvPr>
          <p:cNvSpPr>
            <a:spLocks noGrp="1"/>
          </p:cNvSpPr>
          <p:nvPr>
            <p:ph type="sldNum" sz="quarter" idx="26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1BB9A768-6C87-4C40-9404-83374CDB4121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2694293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5. elementer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ggrund">
            <a:extLst>
              <a:ext uri="{FF2B5EF4-FFF2-40B4-BE49-F238E27FC236}">
                <a16:creationId xmlns:a16="http://schemas.microsoft.com/office/drawing/2014/main" id="{4613F2D8-8778-8DF9-E85A-75F10356CDFE}"/>
              </a:ext>
            </a:extLst>
          </p:cNvPr>
          <p:cNvSpPr/>
          <p:nvPr userDrawn="1"/>
        </p:nvSpPr>
        <p:spPr>
          <a:xfrm>
            <a:off x="0" y="0"/>
            <a:ext cx="6858000" cy="12192000"/>
          </a:xfrm>
          <a:prstGeom prst="rect">
            <a:avLst/>
          </a:prstGeom>
          <a:solidFill>
            <a:srgbClr val="EBE0C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20250" rIns="40500" bIns="2025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125" dirty="0"/>
          </a:p>
        </p:txBody>
      </p:sp>
      <p:sp>
        <p:nvSpPr>
          <p:cNvPr id="3" name="Logo">
            <a:extLst>
              <a:ext uri="{FF2B5EF4-FFF2-40B4-BE49-F238E27FC236}">
                <a16:creationId xmlns:a16="http://schemas.microsoft.com/office/drawing/2014/main" id="{EB36E2C1-4D1A-ABFB-08C1-F29C1A214D04}"/>
              </a:ext>
            </a:extLst>
          </p:cNvPr>
          <p:cNvSpPr/>
          <p:nvPr userDrawn="1"/>
        </p:nvSpPr>
        <p:spPr>
          <a:xfrm>
            <a:off x="6197600" y="639763"/>
            <a:ext cx="355600" cy="635000"/>
          </a:xfrm>
          <a:custGeom>
            <a:avLst/>
            <a:gdLst>
              <a:gd name="connsiteX0" fmla="*/ 3991223 w 5553123"/>
              <a:gd name="connsiteY0" fmla="*/ 1407246 h 3128654"/>
              <a:gd name="connsiteX1" fmla="*/ 3430346 w 5553123"/>
              <a:gd name="connsiteY1" fmla="*/ 1968030 h 3128654"/>
              <a:gd name="connsiteX2" fmla="*/ 3597555 w 5553123"/>
              <a:gd name="connsiteY2" fmla="*/ 1999879 h 3128654"/>
              <a:gd name="connsiteX3" fmla="*/ 4017277 w 5553123"/>
              <a:gd name="connsiteY3" fmla="*/ 1565700 h 3128654"/>
              <a:gd name="connsiteX4" fmla="*/ 4017243 w 5553123"/>
              <a:gd name="connsiteY4" fmla="*/ 1565803 h 3128654"/>
              <a:gd name="connsiteX5" fmla="*/ 3991223 w 5553123"/>
              <a:gd name="connsiteY5" fmla="*/ 1407246 h 3128654"/>
              <a:gd name="connsiteX6" fmla="*/ 3597692 w 5553123"/>
              <a:gd name="connsiteY6" fmla="*/ 1131487 h 3128654"/>
              <a:gd name="connsiteX7" fmla="*/ 3172031 w 5553123"/>
              <a:gd name="connsiteY7" fmla="*/ 1565700 h 3128654"/>
              <a:gd name="connsiteX8" fmla="*/ 3171997 w 5553123"/>
              <a:gd name="connsiteY8" fmla="*/ 1565803 h 3128654"/>
              <a:gd name="connsiteX9" fmla="*/ 3197296 w 5553123"/>
              <a:gd name="connsiteY9" fmla="*/ 1722061 h 3128654"/>
              <a:gd name="connsiteX10" fmla="*/ 3757830 w 5553123"/>
              <a:gd name="connsiteY10" fmla="*/ 1161723 h 3128654"/>
              <a:gd name="connsiteX11" fmla="*/ 3597692 w 5553123"/>
              <a:gd name="connsiteY11" fmla="*/ 1131487 h 3128654"/>
              <a:gd name="connsiteX12" fmla="*/ 2205438 w 5553123"/>
              <a:gd name="connsiteY12" fmla="*/ 837298 h 3128654"/>
              <a:gd name="connsiteX13" fmla="*/ 2590180 w 5553123"/>
              <a:gd name="connsiteY13" fmla="*/ 837298 h 3128654"/>
              <a:gd name="connsiteX14" fmla="*/ 2590180 w 5553123"/>
              <a:gd name="connsiteY14" fmla="*/ 2548651 h 3128654"/>
              <a:gd name="connsiteX15" fmla="*/ 2015984 w 5553123"/>
              <a:gd name="connsiteY15" fmla="*/ 3128654 h 3128654"/>
              <a:gd name="connsiteX16" fmla="*/ 1756572 w 5553123"/>
              <a:gd name="connsiteY16" fmla="*/ 3073262 h 3128654"/>
              <a:gd name="connsiteX17" fmla="*/ 1844038 w 5553123"/>
              <a:gd name="connsiteY17" fmla="*/ 2761571 h 3128654"/>
              <a:gd name="connsiteX18" fmla="*/ 1989724 w 5553123"/>
              <a:gd name="connsiteY18" fmla="*/ 2787791 h 3128654"/>
              <a:gd name="connsiteX19" fmla="*/ 2205438 w 5553123"/>
              <a:gd name="connsiteY19" fmla="*/ 2548857 h 3128654"/>
              <a:gd name="connsiteX20" fmla="*/ 4139105 w 5553123"/>
              <a:gd name="connsiteY20" fmla="*/ 780499 h 3128654"/>
              <a:gd name="connsiteX21" fmla="*/ 4378642 w 5553123"/>
              <a:gd name="connsiteY21" fmla="*/ 1020017 h 3128654"/>
              <a:gd name="connsiteX22" fmla="*/ 4263474 w 5553123"/>
              <a:gd name="connsiteY22" fmla="*/ 1135365 h 3128654"/>
              <a:gd name="connsiteX23" fmla="*/ 4390485 w 5553123"/>
              <a:gd name="connsiteY23" fmla="*/ 1565769 h 3128654"/>
              <a:gd name="connsiteX24" fmla="*/ 3597520 w 5553123"/>
              <a:gd name="connsiteY24" fmla="*/ 2335080 h 3128654"/>
              <a:gd name="connsiteX25" fmla="*/ 3173748 w 5553123"/>
              <a:gd name="connsiteY25" fmla="*/ 2224604 h 3128654"/>
              <a:gd name="connsiteX26" fmla="*/ 3050169 w 5553123"/>
              <a:gd name="connsiteY26" fmla="*/ 2348155 h 3128654"/>
              <a:gd name="connsiteX27" fmla="*/ 2810563 w 5553123"/>
              <a:gd name="connsiteY27" fmla="*/ 2108707 h 3128654"/>
              <a:gd name="connsiteX28" fmla="*/ 2925320 w 5553123"/>
              <a:gd name="connsiteY28" fmla="*/ 1993976 h 3128654"/>
              <a:gd name="connsiteX29" fmla="*/ 2798892 w 5553123"/>
              <a:gd name="connsiteY29" fmla="*/ 1565838 h 3128654"/>
              <a:gd name="connsiteX30" fmla="*/ 3597486 w 5553123"/>
              <a:gd name="connsiteY30" fmla="*/ 793644 h 3128654"/>
              <a:gd name="connsiteX31" fmla="*/ 4015526 w 5553123"/>
              <a:gd name="connsiteY31" fmla="*/ 904050 h 3128654"/>
              <a:gd name="connsiteX32" fmla="*/ 396379 w 5553123"/>
              <a:gd name="connsiteY32" fmla="*/ 435140 h 3128654"/>
              <a:gd name="connsiteX33" fmla="*/ 396379 w 5553123"/>
              <a:gd name="connsiteY33" fmla="*/ 1932956 h 3128654"/>
              <a:gd name="connsiteX34" fmla="*/ 846344 w 5553123"/>
              <a:gd name="connsiteY34" fmla="*/ 1932956 h 3128654"/>
              <a:gd name="connsiteX35" fmla="*/ 1601274 w 5553123"/>
              <a:gd name="connsiteY35" fmla="*/ 1184065 h 3128654"/>
              <a:gd name="connsiteX36" fmla="*/ 846344 w 5553123"/>
              <a:gd name="connsiteY36" fmla="*/ 435140 h 3128654"/>
              <a:gd name="connsiteX37" fmla="*/ 0 w 5553123"/>
              <a:gd name="connsiteY37" fmla="*/ 76739 h 3128654"/>
              <a:gd name="connsiteX38" fmla="*/ 820049 w 5553123"/>
              <a:gd name="connsiteY38" fmla="*/ 76739 h 3128654"/>
              <a:gd name="connsiteX39" fmla="*/ 2000502 w 5553123"/>
              <a:gd name="connsiteY39" fmla="*/ 1184065 h 3128654"/>
              <a:gd name="connsiteX40" fmla="*/ 820049 w 5553123"/>
              <a:gd name="connsiteY40" fmla="*/ 2291391 h 3128654"/>
              <a:gd name="connsiteX41" fmla="*/ 0 w 5553123"/>
              <a:gd name="connsiteY41" fmla="*/ 2291391 h 3128654"/>
              <a:gd name="connsiteX42" fmla="*/ 5214998 w 5553123"/>
              <a:gd name="connsiteY42" fmla="*/ 0 h 3128654"/>
              <a:gd name="connsiteX43" fmla="*/ 5474410 w 5553123"/>
              <a:gd name="connsiteY43" fmla="*/ 55393 h 3128654"/>
              <a:gd name="connsiteX44" fmla="*/ 5386944 w 5553123"/>
              <a:gd name="connsiteY44" fmla="*/ 367187 h 3128654"/>
              <a:gd name="connsiteX45" fmla="*/ 5241258 w 5553123"/>
              <a:gd name="connsiteY45" fmla="*/ 340932 h 3128654"/>
              <a:gd name="connsiteX46" fmla="*/ 5025544 w 5553123"/>
              <a:gd name="connsiteY46" fmla="*/ 579901 h 3128654"/>
              <a:gd name="connsiteX47" fmla="*/ 5025544 w 5553123"/>
              <a:gd name="connsiteY47" fmla="*/ 837299 h 3128654"/>
              <a:gd name="connsiteX48" fmla="*/ 5553123 w 5553123"/>
              <a:gd name="connsiteY48" fmla="*/ 837402 h 3128654"/>
              <a:gd name="connsiteX49" fmla="*/ 5553123 w 5553123"/>
              <a:gd name="connsiteY49" fmla="*/ 1152113 h 3128654"/>
              <a:gd name="connsiteX50" fmla="*/ 5025544 w 5553123"/>
              <a:gd name="connsiteY50" fmla="*/ 1152113 h 3128654"/>
              <a:gd name="connsiteX51" fmla="*/ 5025544 w 5553123"/>
              <a:gd name="connsiteY51" fmla="*/ 2291528 h 3128654"/>
              <a:gd name="connsiteX52" fmla="*/ 4640802 w 5553123"/>
              <a:gd name="connsiteY52" fmla="*/ 2291528 h 3128654"/>
              <a:gd name="connsiteX53" fmla="*/ 4640802 w 5553123"/>
              <a:gd name="connsiteY53" fmla="*/ 1152113 h 3128654"/>
              <a:gd name="connsiteX54" fmla="*/ 4423612 w 5553123"/>
              <a:gd name="connsiteY54" fmla="*/ 1152113 h 3128654"/>
              <a:gd name="connsiteX55" fmla="*/ 4423612 w 5553123"/>
              <a:gd name="connsiteY55" fmla="*/ 837402 h 3128654"/>
              <a:gd name="connsiteX56" fmla="*/ 4640802 w 5553123"/>
              <a:gd name="connsiteY56" fmla="*/ 837402 h 3128654"/>
              <a:gd name="connsiteX57" fmla="*/ 4640802 w 5553123"/>
              <a:gd name="connsiteY57" fmla="*/ 580004 h 3128654"/>
              <a:gd name="connsiteX58" fmla="*/ 5214998 w 5553123"/>
              <a:gd name="connsiteY58" fmla="*/ 0 h 31286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5553123" h="3128654">
                <a:moveTo>
                  <a:pt x="3991223" y="1407246"/>
                </a:moveTo>
                <a:lnTo>
                  <a:pt x="3430346" y="1968030"/>
                </a:lnTo>
                <a:cubicBezTo>
                  <a:pt x="3483553" y="1989213"/>
                  <a:pt x="3540297" y="2000023"/>
                  <a:pt x="3597555" y="1999879"/>
                </a:cubicBezTo>
                <a:cubicBezTo>
                  <a:pt x="3819070" y="1999879"/>
                  <a:pt x="4017277" y="1836826"/>
                  <a:pt x="4017277" y="1565700"/>
                </a:cubicBezTo>
                <a:lnTo>
                  <a:pt x="4017243" y="1565803"/>
                </a:lnTo>
                <a:cubicBezTo>
                  <a:pt x="4017518" y="1511866"/>
                  <a:pt x="4008729" y="1458269"/>
                  <a:pt x="3991223" y="1407246"/>
                </a:cubicBezTo>
                <a:close/>
                <a:moveTo>
                  <a:pt x="3597692" y="1131487"/>
                </a:moveTo>
                <a:cubicBezTo>
                  <a:pt x="3370204" y="1131487"/>
                  <a:pt x="3172031" y="1294574"/>
                  <a:pt x="3172031" y="1565700"/>
                </a:cubicBezTo>
                <a:lnTo>
                  <a:pt x="3171997" y="1565803"/>
                </a:lnTo>
                <a:cubicBezTo>
                  <a:pt x="3171757" y="1618927"/>
                  <a:pt x="3180304" y="1671724"/>
                  <a:pt x="3197296" y="1722061"/>
                </a:cubicBezTo>
                <a:lnTo>
                  <a:pt x="3757830" y="1161723"/>
                </a:lnTo>
                <a:cubicBezTo>
                  <a:pt x="3706819" y="1141649"/>
                  <a:pt x="3652513" y="1131391"/>
                  <a:pt x="3597692" y="1131487"/>
                </a:cubicBezTo>
                <a:close/>
                <a:moveTo>
                  <a:pt x="2205438" y="837298"/>
                </a:moveTo>
                <a:lnTo>
                  <a:pt x="2590180" y="837298"/>
                </a:lnTo>
                <a:lnTo>
                  <a:pt x="2590180" y="2548651"/>
                </a:lnTo>
                <a:cubicBezTo>
                  <a:pt x="2590180" y="2895520"/>
                  <a:pt x="2359911" y="3128654"/>
                  <a:pt x="2015984" y="3128654"/>
                </a:cubicBezTo>
                <a:cubicBezTo>
                  <a:pt x="1922717" y="3128654"/>
                  <a:pt x="1838202" y="3111014"/>
                  <a:pt x="1756572" y="3073262"/>
                </a:cubicBezTo>
                <a:lnTo>
                  <a:pt x="1844038" y="2761571"/>
                </a:lnTo>
                <a:cubicBezTo>
                  <a:pt x="1896456" y="2779074"/>
                  <a:pt x="1948909" y="2787791"/>
                  <a:pt x="1989724" y="2787791"/>
                </a:cubicBezTo>
                <a:cubicBezTo>
                  <a:pt x="2118006" y="2787791"/>
                  <a:pt x="2205438" y="2691627"/>
                  <a:pt x="2205438" y="2548857"/>
                </a:cubicBezTo>
                <a:close/>
                <a:moveTo>
                  <a:pt x="4139105" y="780499"/>
                </a:moveTo>
                <a:lnTo>
                  <a:pt x="4378642" y="1020017"/>
                </a:lnTo>
                <a:lnTo>
                  <a:pt x="4263474" y="1135365"/>
                </a:lnTo>
                <a:cubicBezTo>
                  <a:pt x="4343457" y="1255038"/>
                  <a:pt x="4390485" y="1401034"/>
                  <a:pt x="4390485" y="1565769"/>
                </a:cubicBezTo>
                <a:cubicBezTo>
                  <a:pt x="4390485" y="2023285"/>
                  <a:pt x="4028880" y="2335080"/>
                  <a:pt x="3597520" y="2335080"/>
                </a:cubicBezTo>
                <a:cubicBezTo>
                  <a:pt x="3442429" y="2335080"/>
                  <a:pt x="3296983" y="2295681"/>
                  <a:pt x="3173748" y="2224604"/>
                </a:cubicBezTo>
                <a:lnTo>
                  <a:pt x="3050169" y="2348155"/>
                </a:lnTo>
                <a:lnTo>
                  <a:pt x="2810563" y="2108707"/>
                </a:lnTo>
                <a:lnTo>
                  <a:pt x="2925320" y="1993976"/>
                </a:lnTo>
                <a:cubicBezTo>
                  <a:pt x="2845543" y="1875058"/>
                  <a:pt x="2798892" y="1729886"/>
                  <a:pt x="2798892" y="1565838"/>
                </a:cubicBezTo>
                <a:cubicBezTo>
                  <a:pt x="2798892" y="1108390"/>
                  <a:pt x="3160291" y="793644"/>
                  <a:pt x="3597486" y="793644"/>
                </a:cubicBezTo>
                <a:cubicBezTo>
                  <a:pt x="3749866" y="793644"/>
                  <a:pt x="3893424" y="833077"/>
                  <a:pt x="4015526" y="904050"/>
                </a:cubicBezTo>
                <a:close/>
                <a:moveTo>
                  <a:pt x="396379" y="435140"/>
                </a:moveTo>
                <a:lnTo>
                  <a:pt x="396379" y="1932956"/>
                </a:lnTo>
                <a:lnTo>
                  <a:pt x="846344" y="1932956"/>
                </a:lnTo>
                <a:cubicBezTo>
                  <a:pt x="1298059" y="1932956"/>
                  <a:pt x="1601274" y="1632830"/>
                  <a:pt x="1601274" y="1184065"/>
                </a:cubicBezTo>
                <a:cubicBezTo>
                  <a:pt x="1601274" y="735300"/>
                  <a:pt x="1298128" y="435140"/>
                  <a:pt x="846344" y="435140"/>
                </a:cubicBezTo>
                <a:close/>
                <a:moveTo>
                  <a:pt x="0" y="76739"/>
                </a:moveTo>
                <a:lnTo>
                  <a:pt x="820049" y="76739"/>
                </a:lnTo>
                <a:cubicBezTo>
                  <a:pt x="1528328" y="76739"/>
                  <a:pt x="2000502" y="519670"/>
                  <a:pt x="2000502" y="1184065"/>
                </a:cubicBezTo>
                <a:cubicBezTo>
                  <a:pt x="2000502" y="1848460"/>
                  <a:pt x="1528328" y="2291391"/>
                  <a:pt x="820049" y="2291391"/>
                </a:cubicBezTo>
                <a:lnTo>
                  <a:pt x="0" y="2291391"/>
                </a:lnTo>
                <a:close/>
                <a:moveTo>
                  <a:pt x="5214998" y="0"/>
                </a:moveTo>
                <a:cubicBezTo>
                  <a:pt x="5308265" y="0"/>
                  <a:pt x="5392780" y="17641"/>
                  <a:pt x="5474410" y="55393"/>
                </a:cubicBezTo>
                <a:lnTo>
                  <a:pt x="5386944" y="367187"/>
                </a:lnTo>
                <a:cubicBezTo>
                  <a:pt x="5334526" y="349684"/>
                  <a:pt x="5282074" y="340932"/>
                  <a:pt x="5241258" y="340932"/>
                </a:cubicBezTo>
                <a:cubicBezTo>
                  <a:pt x="5112976" y="340932"/>
                  <a:pt x="5025544" y="437131"/>
                  <a:pt x="5025544" y="579901"/>
                </a:cubicBezTo>
                <a:lnTo>
                  <a:pt x="5025544" y="837299"/>
                </a:lnTo>
                <a:lnTo>
                  <a:pt x="5553123" y="837402"/>
                </a:lnTo>
                <a:lnTo>
                  <a:pt x="5553123" y="1152113"/>
                </a:lnTo>
                <a:lnTo>
                  <a:pt x="5025544" y="1152113"/>
                </a:lnTo>
                <a:lnTo>
                  <a:pt x="5025544" y="2291528"/>
                </a:lnTo>
                <a:lnTo>
                  <a:pt x="4640802" y="2291528"/>
                </a:lnTo>
                <a:lnTo>
                  <a:pt x="4640802" y="1152113"/>
                </a:lnTo>
                <a:lnTo>
                  <a:pt x="4423612" y="1152113"/>
                </a:lnTo>
                <a:lnTo>
                  <a:pt x="4423612" y="837402"/>
                </a:lnTo>
                <a:lnTo>
                  <a:pt x="4640802" y="837402"/>
                </a:lnTo>
                <a:lnTo>
                  <a:pt x="4640802" y="580004"/>
                </a:lnTo>
                <a:cubicBezTo>
                  <a:pt x="4640802" y="233134"/>
                  <a:pt x="4871070" y="0"/>
                  <a:pt x="5214998" y="0"/>
                </a:cubicBezTo>
                <a:close/>
              </a:path>
            </a:pathLst>
          </a:custGeom>
          <a:solidFill>
            <a:srgbClr val="1D1D1B"/>
          </a:solidFill>
          <a:ln w="3432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03750" y="1600000"/>
            <a:ext cx="1948458" cy="9951356"/>
          </a:xfrm>
        </p:spPr>
        <p:txBody>
          <a:bodyPr/>
          <a:lstStyle>
            <a:lvl1pPr>
              <a:defRPr sz="1350"/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13" name="Element 1 Text Placeholder 5"/>
          <p:cNvSpPr>
            <a:spLocks noGrp="1" noChangeAspect="1"/>
          </p:cNvSpPr>
          <p:nvPr>
            <p:ph type="body" sz="quarter" idx="27"/>
          </p:nvPr>
        </p:nvSpPr>
        <p:spPr>
          <a:xfrm>
            <a:off x="3000376" y="6096000"/>
            <a:ext cx="1928813" cy="6096000"/>
          </a:xfrm>
          <a:solidFill>
            <a:schemeClr val="accent1"/>
          </a:solidFill>
        </p:spPr>
        <p:txBody>
          <a:bodyPr lIns="540000" tIns="360000" rIns="360000" bIns="360000" anchor="ctr" anchorCtr="0"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  <a:latin typeface="+mn-lt"/>
              </a:defRPr>
            </a:lvl1pPr>
            <a:lvl2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  <a:latin typeface="+mn-lt"/>
              </a:defRPr>
            </a:lvl2pPr>
            <a:lvl3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  <a:latin typeface="+mn-lt"/>
              </a:defRPr>
            </a:lvl3pPr>
            <a:lvl4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250" b="1">
                <a:solidFill>
                  <a:schemeClr val="bg1"/>
                </a:solidFill>
                <a:latin typeface="+mn-lt"/>
              </a:defRPr>
            </a:lvl4pPr>
            <a:lvl5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250" b="1">
                <a:solidFill>
                  <a:schemeClr val="bg1"/>
                </a:solidFill>
                <a:latin typeface="+mn-lt"/>
              </a:defRPr>
            </a:lvl5pPr>
            <a:lvl6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  <a:latin typeface="+mn-lt"/>
              </a:defRPr>
            </a:lvl6pPr>
            <a:lvl7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250" b="1">
                <a:solidFill>
                  <a:schemeClr val="bg1"/>
                </a:solidFill>
                <a:latin typeface="+mn-lt"/>
              </a:defRPr>
            </a:lvl7pPr>
            <a:lvl8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250" b="1">
                <a:solidFill>
                  <a:schemeClr val="bg1"/>
                </a:solidFill>
                <a:latin typeface="+mn-lt"/>
              </a:defRPr>
            </a:lvl8pPr>
            <a:lvl9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250" b="1">
                <a:solidFill>
                  <a:schemeClr val="bg1"/>
                </a:solidFill>
                <a:latin typeface="+mn-lt"/>
              </a:defRPr>
            </a:lvl9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14" name="Element 2 Text Placeholder 9"/>
          <p:cNvSpPr>
            <a:spLocks noGrp="1"/>
          </p:cNvSpPr>
          <p:nvPr>
            <p:ph type="body" sz="quarter" idx="28"/>
          </p:nvPr>
        </p:nvSpPr>
        <p:spPr>
          <a:xfrm>
            <a:off x="4929188" y="6096000"/>
            <a:ext cx="1928813" cy="6096000"/>
          </a:xfrm>
          <a:prstGeom prst="ellipse">
            <a:avLst/>
          </a:prstGeom>
          <a:solidFill>
            <a:schemeClr val="accent2"/>
          </a:solidFill>
        </p:spPr>
        <p:txBody>
          <a:bodyPr lIns="90000" tIns="360000" rIns="90000" bIns="360000" anchor="ctr" anchorCtr="0"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</a:defRPr>
            </a:lvl1pPr>
            <a:lvl2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</a:defRPr>
            </a:lvl2pPr>
            <a:lvl3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</a:defRPr>
            </a:lvl3pPr>
            <a:lvl4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</a:defRPr>
            </a:lvl4pPr>
            <a:lvl5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</a:defRPr>
            </a:lvl5pPr>
            <a:lvl6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</a:defRPr>
            </a:lvl6pPr>
            <a:lvl7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</a:defRPr>
            </a:lvl7pPr>
            <a:lvl8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</a:defRPr>
            </a:lvl8pPr>
            <a:lvl9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</a:defRPr>
            </a:lvl9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5" name="Date Placeholder 23">
            <a:extLst>
              <a:ext uri="{FF2B5EF4-FFF2-40B4-BE49-F238E27FC236}">
                <a16:creationId xmlns:a16="http://schemas.microsoft.com/office/drawing/2014/main" id="{FB42A900-6521-01F7-6102-849096C59740}"/>
              </a:ext>
            </a:extLst>
          </p:cNvPr>
          <p:cNvSpPr>
            <a:spLocks noGrp="1"/>
          </p:cNvSpPr>
          <p:nvPr>
            <p:ph type="dt" sz="half" idx="29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1EAAE088-6834-426E-B351-EFE439BB4C33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6" name="Slide Number Placeholder 25">
            <a:extLst>
              <a:ext uri="{FF2B5EF4-FFF2-40B4-BE49-F238E27FC236}">
                <a16:creationId xmlns:a16="http://schemas.microsoft.com/office/drawing/2014/main" id="{5B5FB13A-ED5D-2D82-18EB-7BF38AD9220E}"/>
              </a:ext>
            </a:extLst>
          </p:cNvPr>
          <p:cNvSpPr>
            <a:spLocks noGrp="1"/>
          </p:cNvSpPr>
          <p:nvPr>
            <p:ph type="sldNum" sz="quarter" idx="3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AA2D8589-6FAA-4EE0-A89B-3171EB2C3FDC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Footer Placeholder 1">
            <a:extLst>
              <a:ext uri="{FF2B5EF4-FFF2-40B4-BE49-F238E27FC236}">
                <a16:creationId xmlns:a16="http://schemas.microsoft.com/office/drawing/2014/main" id="{AE137FB4-DBD0-C23C-FFFE-89CA564E5E14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771962956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5. elementer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ggrund">
            <a:extLst>
              <a:ext uri="{FF2B5EF4-FFF2-40B4-BE49-F238E27FC236}">
                <a16:creationId xmlns:a16="http://schemas.microsoft.com/office/drawing/2014/main" id="{23B95996-B0F2-963E-5FBB-F8911FF62F8F}"/>
              </a:ext>
            </a:extLst>
          </p:cNvPr>
          <p:cNvSpPr/>
          <p:nvPr userDrawn="1"/>
        </p:nvSpPr>
        <p:spPr>
          <a:xfrm>
            <a:off x="0" y="0"/>
            <a:ext cx="6858000" cy="12192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20250" rIns="40500" bIns="2025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125" dirty="0"/>
          </a:p>
        </p:txBody>
      </p:sp>
      <p:sp>
        <p:nvSpPr>
          <p:cNvPr id="3" name="Logo">
            <a:extLst>
              <a:ext uri="{FF2B5EF4-FFF2-40B4-BE49-F238E27FC236}">
                <a16:creationId xmlns:a16="http://schemas.microsoft.com/office/drawing/2014/main" id="{49D9530A-0580-CC0B-604A-10B816210293}"/>
              </a:ext>
            </a:extLst>
          </p:cNvPr>
          <p:cNvSpPr/>
          <p:nvPr userDrawn="1"/>
        </p:nvSpPr>
        <p:spPr>
          <a:xfrm>
            <a:off x="6197600" y="639763"/>
            <a:ext cx="355600" cy="635000"/>
          </a:xfrm>
          <a:custGeom>
            <a:avLst/>
            <a:gdLst>
              <a:gd name="connsiteX0" fmla="*/ 3991223 w 5553123"/>
              <a:gd name="connsiteY0" fmla="*/ 1407246 h 3128654"/>
              <a:gd name="connsiteX1" fmla="*/ 3430346 w 5553123"/>
              <a:gd name="connsiteY1" fmla="*/ 1968030 h 3128654"/>
              <a:gd name="connsiteX2" fmla="*/ 3597555 w 5553123"/>
              <a:gd name="connsiteY2" fmla="*/ 1999879 h 3128654"/>
              <a:gd name="connsiteX3" fmla="*/ 4017277 w 5553123"/>
              <a:gd name="connsiteY3" fmla="*/ 1565700 h 3128654"/>
              <a:gd name="connsiteX4" fmla="*/ 4017243 w 5553123"/>
              <a:gd name="connsiteY4" fmla="*/ 1565803 h 3128654"/>
              <a:gd name="connsiteX5" fmla="*/ 3991223 w 5553123"/>
              <a:gd name="connsiteY5" fmla="*/ 1407246 h 3128654"/>
              <a:gd name="connsiteX6" fmla="*/ 3597692 w 5553123"/>
              <a:gd name="connsiteY6" fmla="*/ 1131487 h 3128654"/>
              <a:gd name="connsiteX7" fmla="*/ 3172031 w 5553123"/>
              <a:gd name="connsiteY7" fmla="*/ 1565700 h 3128654"/>
              <a:gd name="connsiteX8" fmla="*/ 3171997 w 5553123"/>
              <a:gd name="connsiteY8" fmla="*/ 1565803 h 3128654"/>
              <a:gd name="connsiteX9" fmla="*/ 3197296 w 5553123"/>
              <a:gd name="connsiteY9" fmla="*/ 1722061 h 3128654"/>
              <a:gd name="connsiteX10" fmla="*/ 3757830 w 5553123"/>
              <a:gd name="connsiteY10" fmla="*/ 1161723 h 3128654"/>
              <a:gd name="connsiteX11" fmla="*/ 3597692 w 5553123"/>
              <a:gd name="connsiteY11" fmla="*/ 1131487 h 3128654"/>
              <a:gd name="connsiteX12" fmla="*/ 2205438 w 5553123"/>
              <a:gd name="connsiteY12" fmla="*/ 837298 h 3128654"/>
              <a:gd name="connsiteX13" fmla="*/ 2590180 w 5553123"/>
              <a:gd name="connsiteY13" fmla="*/ 837298 h 3128654"/>
              <a:gd name="connsiteX14" fmla="*/ 2590180 w 5553123"/>
              <a:gd name="connsiteY14" fmla="*/ 2548651 h 3128654"/>
              <a:gd name="connsiteX15" fmla="*/ 2015984 w 5553123"/>
              <a:gd name="connsiteY15" fmla="*/ 3128654 h 3128654"/>
              <a:gd name="connsiteX16" fmla="*/ 1756572 w 5553123"/>
              <a:gd name="connsiteY16" fmla="*/ 3073262 h 3128654"/>
              <a:gd name="connsiteX17" fmla="*/ 1844038 w 5553123"/>
              <a:gd name="connsiteY17" fmla="*/ 2761571 h 3128654"/>
              <a:gd name="connsiteX18" fmla="*/ 1989724 w 5553123"/>
              <a:gd name="connsiteY18" fmla="*/ 2787791 h 3128654"/>
              <a:gd name="connsiteX19" fmla="*/ 2205438 w 5553123"/>
              <a:gd name="connsiteY19" fmla="*/ 2548857 h 3128654"/>
              <a:gd name="connsiteX20" fmla="*/ 4139105 w 5553123"/>
              <a:gd name="connsiteY20" fmla="*/ 780499 h 3128654"/>
              <a:gd name="connsiteX21" fmla="*/ 4378642 w 5553123"/>
              <a:gd name="connsiteY21" fmla="*/ 1020017 h 3128654"/>
              <a:gd name="connsiteX22" fmla="*/ 4263474 w 5553123"/>
              <a:gd name="connsiteY22" fmla="*/ 1135365 h 3128654"/>
              <a:gd name="connsiteX23" fmla="*/ 4390485 w 5553123"/>
              <a:gd name="connsiteY23" fmla="*/ 1565769 h 3128654"/>
              <a:gd name="connsiteX24" fmla="*/ 3597520 w 5553123"/>
              <a:gd name="connsiteY24" fmla="*/ 2335080 h 3128654"/>
              <a:gd name="connsiteX25" fmla="*/ 3173748 w 5553123"/>
              <a:gd name="connsiteY25" fmla="*/ 2224604 h 3128654"/>
              <a:gd name="connsiteX26" fmla="*/ 3050169 w 5553123"/>
              <a:gd name="connsiteY26" fmla="*/ 2348155 h 3128654"/>
              <a:gd name="connsiteX27" fmla="*/ 2810563 w 5553123"/>
              <a:gd name="connsiteY27" fmla="*/ 2108707 h 3128654"/>
              <a:gd name="connsiteX28" fmla="*/ 2925320 w 5553123"/>
              <a:gd name="connsiteY28" fmla="*/ 1993976 h 3128654"/>
              <a:gd name="connsiteX29" fmla="*/ 2798892 w 5553123"/>
              <a:gd name="connsiteY29" fmla="*/ 1565838 h 3128654"/>
              <a:gd name="connsiteX30" fmla="*/ 3597486 w 5553123"/>
              <a:gd name="connsiteY30" fmla="*/ 793644 h 3128654"/>
              <a:gd name="connsiteX31" fmla="*/ 4015526 w 5553123"/>
              <a:gd name="connsiteY31" fmla="*/ 904050 h 3128654"/>
              <a:gd name="connsiteX32" fmla="*/ 396379 w 5553123"/>
              <a:gd name="connsiteY32" fmla="*/ 435140 h 3128654"/>
              <a:gd name="connsiteX33" fmla="*/ 396379 w 5553123"/>
              <a:gd name="connsiteY33" fmla="*/ 1932956 h 3128654"/>
              <a:gd name="connsiteX34" fmla="*/ 846344 w 5553123"/>
              <a:gd name="connsiteY34" fmla="*/ 1932956 h 3128654"/>
              <a:gd name="connsiteX35" fmla="*/ 1601274 w 5553123"/>
              <a:gd name="connsiteY35" fmla="*/ 1184065 h 3128654"/>
              <a:gd name="connsiteX36" fmla="*/ 846344 w 5553123"/>
              <a:gd name="connsiteY36" fmla="*/ 435140 h 3128654"/>
              <a:gd name="connsiteX37" fmla="*/ 0 w 5553123"/>
              <a:gd name="connsiteY37" fmla="*/ 76739 h 3128654"/>
              <a:gd name="connsiteX38" fmla="*/ 820049 w 5553123"/>
              <a:gd name="connsiteY38" fmla="*/ 76739 h 3128654"/>
              <a:gd name="connsiteX39" fmla="*/ 2000502 w 5553123"/>
              <a:gd name="connsiteY39" fmla="*/ 1184065 h 3128654"/>
              <a:gd name="connsiteX40" fmla="*/ 820049 w 5553123"/>
              <a:gd name="connsiteY40" fmla="*/ 2291391 h 3128654"/>
              <a:gd name="connsiteX41" fmla="*/ 0 w 5553123"/>
              <a:gd name="connsiteY41" fmla="*/ 2291391 h 3128654"/>
              <a:gd name="connsiteX42" fmla="*/ 5214998 w 5553123"/>
              <a:gd name="connsiteY42" fmla="*/ 0 h 3128654"/>
              <a:gd name="connsiteX43" fmla="*/ 5474410 w 5553123"/>
              <a:gd name="connsiteY43" fmla="*/ 55393 h 3128654"/>
              <a:gd name="connsiteX44" fmla="*/ 5386944 w 5553123"/>
              <a:gd name="connsiteY44" fmla="*/ 367187 h 3128654"/>
              <a:gd name="connsiteX45" fmla="*/ 5241258 w 5553123"/>
              <a:gd name="connsiteY45" fmla="*/ 340932 h 3128654"/>
              <a:gd name="connsiteX46" fmla="*/ 5025544 w 5553123"/>
              <a:gd name="connsiteY46" fmla="*/ 579901 h 3128654"/>
              <a:gd name="connsiteX47" fmla="*/ 5025544 w 5553123"/>
              <a:gd name="connsiteY47" fmla="*/ 837299 h 3128654"/>
              <a:gd name="connsiteX48" fmla="*/ 5553123 w 5553123"/>
              <a:gd name="connsiteY48" fmla="*/ 837402 h 3128654"/>
              <a:gd name="connsiteX49" fmla="*/ 5553123 w 5553123"/>
              <a:gd name="connsiteY49" fmla="*/ 1152113 h 3128654"/>
              <a:gd name="connsiteX50" fmla="*/ 5025544 w 5553123"/>
              <a:gd name="connsiteY50" fmla="*/ 1152113 h 3128654"/>
              <a:gd name="connsiteX51" fmla="*/ 5025544 w 5553123"/>
              <a:gd name="connsiteY51" fmla="*/ 2291528 h 3128654"/>
              <a:gd name="connsiteX52" fmla="*/ 4640802 w 5553123"/>
              <a:gd name="connsiteY52" fmla="*/ 2291528 h 3128654"/>
              <a:gd name="connsiteX53" fmla="*/ 4640802 w 5553123"/>
              <a:gd name="connsiteY53" fmla="*/ 1152113 h 3128654"/>
              <a:gd name="connsiteX54" fmla="*/ 4423612 w 5553123"/>
              <a:gd name="connsiteY54" fmla="*/ 1152113 h 3128654"/>
              <a:gd name="connsiteX55" fmla="*/ 4423612 w 5553123"/>
              <a:gd name="connsiteY55" fmla="*/ 837402 h 3128654"/>
              <a:gd name="connsiteX56" fmla="*/ 4640802 w 5553123"/>
              <a:gd name="connsiteY56" fmla="*/ 837402 h 3128654"/>
              <a:gd name="connsiteX57" fmla="*/ 4640802 w 5553123"/>
              <a:gd name="connsiteY57" fmla="*/ 580004 h 3128654"/>
              <a:gd name="connsiteX58" fmla="*/ 5214998 w 5553123"/>
              <a:gd name="connsiteY58" fmla="*/ 0 h 31286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5553123" h="3128654">
                <a:moveTo>
                  <a:pt x="3991223" y="1407246"/>
                </a:moveTo>
                <a:lnTo>
                  <a:pt x="3430346" y="1968030"/>
                </a:lnTo>
                <a:cubicBezTo>
                  <a:pt x="3483553" y="1989213"/>
                  <a:pt x="3540297" y="2000023"/>
                  <a:pt x="3597555" y="1999879"/>
                </a:cubicBezTo>
                <a:cubicBezTo>
                  <a:pt x="3819070" y="1999879"/>
                  <a:pt x="4017277" y="1836826"/>
                  <a:pt x="4017277" y="1565700"/>
                </a:cubicBezTo>
                <a:lnTo>
                  <a:pt x="4017243" y="1565803"/>
                </a:lnTo>
                <a:cubicBezTo>
                  <a:pt x="4017518" y="1511866"/>
                  <a:pt x="4008729" y="1458269"/>
                  <a:pt x="3991223" y="1407246"/>
                </a:cubicBezTo>
                <a:close/>
                <a:moveTo>
                  <a:pt x="3597692" y="1131487"/>
                </a:moveTo>
                <a:cubicBezTo>
                  <a:pt x="3370204" y="1131487"/>
                  <a:pt x="3172031" y="1294574"/>
                  <a:pt x="3172031" y="1565700"/>
                </a:cubicBezTo>
                <a:lnTo>
                  <a:pt x="3171997" y="1565803"/>
                </a:lnTo>
                <a:cubicBezTo>
                  <a:pt x="3171757" y="1618927"/>
                  <a:pt x="3180304" y="1671724"/>
                  <a:pt x="3197296" y="1722061"/>
                </a:cubicBezTo>
                <a:lnTo>
                  <a:pt x="3757830" y="1161723"/>
                </a:lnTo>
                <a:cubicBezTo>
                  <a:pt x="3706819" y="1141649"/>
                  <a:pt x="3652513" y="1131391"/>
                  <a:pt x="3597692" y="1131487"/>
                </a:cubicBezTo>
                <a:close/>
                <a:moveTo>
                  <a:pt x="2205438" y="837298"/>
                </a:moveTo>
                <a:lnTo>
                  <a:pt x="2590180" y="837298"/>
                </a:lnTo>
                <a:lnTo>
                  <a:pt x="2590180" y="2548651"/>
                </a:lnTo>
                <a:cubicBezTo>
                  <a:pt x="2590180" y="2895520"/>
                  <a:pt x="2359911" y="3128654"/>
                  <a:pt x="2015984" y="3128654"/>
                </a:cubicBezTo>
                <a:cubicBezTo>
                  <a:pt x="1922717" y="3128654"/>
                  <a:pt x="1838202" y="3111014"/>
                  <a:pt x="1756572" y="3073262"/>
                </a:cubicBezTo>
                <a:lnTo>
                  <a:pt x="1844038" y="2761571"/>
                </a:lnTo>
                <a:cubicBezTo>
                  <a:pt x="1896456" y="2779074"/>
                  <a:pt x="1948909" y="2787791"/>
                  <a:pt x="1989724" y="2787791"/>
                </a:cubicBezTo>
                <a:cubicBezTo>
                  <a:pt x="2118006" y="2787791"/>
                  <a:pt x="2205438" y="2691627"/>
                  <a:pt x="2205438" y="2548857"/>
                </a:cubicBezTo>
                <a:close/>
                <a:moveTo>
                  <a:pt x="4139105" y="780499"/>
                </a:moveTo>
                <a:lnTo>
                  <a:pt x="4378642" y="1020017"/>
                </a:lnTo>
                <a:lnTo>
                  <a:pt x="4263474" y="1135365"/>
                </a:lnTo>
                <a:cubicBezTo>
                  <a:pt x="4343457" y="1255038"/>
                  <a:pt x="4390485" y="1401034"/>
                  <a:pt x="4390485" y="1565769"/>
                </a:cubicBezTo>
                <a:cubicBezTo>
                  <a:pt x="4390485" y="2023285"/>
                  <a:pt x="4028880" y="2335080"/>
                  <a:pt x="3597520" y="2335080"/>
                </a:cubicBezTo>
                <a:cubicBezTo>
                  <a:pt x="3442429" y="2335080"/>
                  <a:pt x="3296983" y="2295681"/>
                  <a:pt x="3173748" y="2224604"/>
                </a:cubicBezTo>
                <a:lnTo>
                  <a:pt x="3050169" y="2348155"/>
                </a:lnTo>
                <a:lnTo>
                  <a:pt x="2810563" y="2108707"/>
                </a:lnTo>
                <a:lnTo>
                  <a:pt x="2925320" y="1993976"/>
                </a:lnTo>
                <a:cubicBezTo>
                  <a:pt x="2845543" y="1875058"/>
                  <a:pt x="2798892" y="1729886"/>
                  <a:pt x="2798892" y="1565838"/>
                </a:cubicBezTo>
                <a:cubicBezTo>
                  <a:pt x="2798892" y="1108390"/>
                  <a:pt x="3160291" y="793644"/>
                  <a:pt x="3597486" y="793644"/>
                </a:cubicBezTo>
                <a:cubicBezTo>
                  <a:pt x="3749866" y="793644"/>
                  <a:pt x="3893424" y="833077"/>
                  <a:pt x="4015526" y="904050"/>
                </a:cubicBezTo>
                <a:close/>
                <a:moveTo>
                  <a:pt x="396379" y="435140"/>
                </a:moveTo>
                <a:lnTo>
                  <a:pt x="396379" y="1932956"/>
                </a:lnTo>
                <a:lnTo>
                  <a:pt x="846344" y="1932956"/>
                </a:lnTo>
                <a:cubicBezTo>
                  <a:pt x="1298059" y="1932956"/>
                  <a:pt x="1601274" y="1632830"/>
                  <a:pt x="1601274" y="1184065"/>
                </a:cubicBezTo>
                <a:cubicBezTo>
                  <a:pt x="1601274" y="735300"/>
                  <a:pt x="1298128" y="435140"/>
                  <a:pt x="846344" y="435140"/>
                </a:cubicBezTo>
                <a:close/>
                <a:moveTo>
                  <a:pt x="0" y="76739"/>
                </a:moveTo>
                <a:lnTo>
                  <a:pt x="820049" y="76739"/>
                </a:lnTo>
                <a:cubicBezTo>
                  <a:pt x="1528328" y="76739"/>
                  <a:pt x="2000502" y="519670"/>
                  <a:pt x="2000502" y="1184065"/>
                </a:cubicBezTo>
                <a:cubicBezTo>
                  <a:pt x="2000502" y="1848460"/>
                  <a:pt x="1528328" y="2291391"/>
                  <a:pt x="820049" y="2291391"/>
                </a:cubicBezTo>
                <a:lnTo>
                  <a:pt x="0" y="2291391"/>
                </a:lnTo>
                <a:close/>
                <a:moveTo>
                  <a:pt x="5214998" y="0"/>
                </a:moveTo>
                <a:cubicBezTo>
                  <a:pt x="5308265" y="0"/>
                  <a:pt x="5392780" y="17641"/>
                  <a:pt x="5474410" y="55393"/>
                </a:cubicBezTo>
                <a:lnTo>
                  <a:pt x="5386944" y="367187"/>
                </a:lnTo>
                <a:cubicBezTo>
                  <a:pt x="5334526" y="349684"/>
                  <a:pt x="5282074" y="340932"/>
                  <a:pt x="5241258" y="340932"/>
                </a:cubicBezTo>
                <a:cubicBezTo>
                  <a:pt x="5112976" y="340932"/>
                  <a:pt x="5025544" y="437131"/>
                  <a:pt x="5025544" y="579901"/>
                </a:cubicBezTo>
                <a:lnTo>
                  <a:pt x="5025544" y="837299"/>
                </a:lnTo>
                <a:lnTo>
                  <a:pt x="5553123" y="837402"/>
                </a:lnTo>
                <a:lnTo>
                  <a:pt x="5553123" y="1152113"/>
                </a:lnTo>
                <a:lnTo>
                  <a:pt x="5025544" y="1152113"/>
                </a:lnTo>
                <a:lnTo>
                  <a:pt x="5025544" y="2291528"/>
                </a:lnTo>
                <a:lnTo>
                  <a:pt x="4640802" y="2291528"/>
                </a:lnTo>
                <a:lnTo>
                  <a:pt x="4640802" y="1152113"/>
                </a:lnTo>
                <a:lnTo>
                  <a:pt x="4423612" y="1152113"/>
                </a:lnTo>
                <a:lnTo>
                  <a:pt x="4423612" y="837402"/>
                </a:lnTo>
                <a:lnTo>
                  <a:pt x="4640802" y="837402"/>
                </a:lnTo>
                <a:lnTo>
                  <a:pt x="4640802" y="580004"/>
                </a:lnTo>
                <a:cubicBezTo>
                  <a:pt x="4640802" y="233134"/>
                  <a:pt x="4871070" y="0"/>
                  <a:pt x="5214998" y="0"/>
                </a:cubicBezTo>
                <a:close/>
              </a:path>
            </a:pathLst>
          </a:custGeom>
          <a:solidFill>
            <a:srgbClr val="1D1D1B"/>
          </a:solidFill>
          <a:ln w="3432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03750" y="1600000"/>
            <a:ext cx="1948458" cy="9951356"/>
          </a:xfrm>
        </p:spPr>
        <p:txBody>
          <a:bodyPr/>
          <a:lstStyle>
            <a:lvl1pPr>
              <a:defRPr sz="1350"/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13" name="5. Element 1 Text Placeholder 5"/>
          <p:cNvSpPr>
            <a:spLocks noGrp="1" noChangeAspect="1"/>
          </p:cNvSpPr>
          <p:nvPr>
            <p:ph type="body" sz="quarter" idx="27"/>
          </p:nvPr>
        </p:nvSpPr>
        <p:spPr>
          <a:xfrm>
            <a:off x="3000376" y="6096000"/>
            <a:ext cx="1928813" cy="6096000"/>
          </a:xfrm>
          <a:prstGeom prst="ellipse">
            <a:avLst/>
          </a:prstGeom>
          <a:solidFill>
            <a:schemeClr val="accent2"/>
          </a:solidFill>
        </p:spPr>
        <p:txBody>
          <a:bodyPr lIns="90000" tIns="360000" rIns="90000" bIns="360000" anchor="ctr" anchorCtr="0"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  <a:latin typeface="+mn-lt"/>
              </a:defRPr>
            </a:lvl1pPr>
            <a:lvl2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  <a:latin typeface="+mn-lt"/>
              </a:defRPr>
            </a:lvl2pPr>
            <a:lvl3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  <a:latin typeface="+mn-lt"/>
              </a:defRPr>
            </a:lvl3pPr>
            <a:lvl4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250" b="1">
                <a:solidFill>
                  <a:schemeClr val="bg1"/>
                </a:solidFill>
                <a:latin typeface="+mn-lt"/>
              </a:defRPr>
            </a:lvl4pPr>
            <a:lvl5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250" b="1">
                <a:solidFill>
                  <a:schemeClr val="bg1"/>
                </a:solidFill>
                <a:latin typeface="+mn-lt"/>
              </a:defRPr>
            </a:lvl5pPr>
            <a:lvl6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  <a:latin typeface="+mn-lt"/>
              </a:defRPr>
            </a:lvl6pPr>
            <a:lvl7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250" b="1">
                <a:solidFill>
                  <a:schemeClr val="bg1"/>
                </a:solidFill>
                <a:latin typeface="+mn-lt"/>
              </a:defRPr>
            </a:lvl7pPr>
            <a:lvl8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250" b="1">
                <a:solidFill>
                  <a:schemeClr val="bg1"/>
                </a:solidFill>
                <a:latin typeface="+mn-lt"/>
              </a:defRPr>
            </a:lvl8pPr>
            <a:lvl9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250" b="1">
                <a:solidFill>
                  <a:schemeClr val="bg1"/>
                </a:solidFill>
                <a:latin typeface="+mn-lt"/>
              </a:defRPr>
            </a:lvl9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14" name="5. element 2 Text Placeholder 9"/>
          <p:cNvSpPr>
            <a:spLocks noGrp="1"/>
          </p:cNvSpPr>
          <p:nvPr>
            <p:ph type="body" sz="quarter" idx="28"/>
          </p:nvPr>
        </p:nvSpPr>
        <p:spPr>
          <a:xfrm>
            <a:off x="4929188" y="6096000"/>
            <a:ext cx="1928813" cy="6096000"/>
          </a:xfrm>
          <a:prstGeom prst="rect">
            <a:avLst/>
          </a:prstGeom>
          <a:solidFill>
            <a:schemeClr val="accent1"/>
          </a:solidFill>
        </p:spPr>
        <p:txBody>
          <a:bodyPr lIns="540000" tIns="360000" rIns="360000" bIns="360000" anchor="ctr" anchorCtr="0"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</a:defRPr>
            </a:lvl1pPr>
            <a:lvl2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</a:defRPr>
            </a:lvl2pPr>
            <a:lvl3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</a:defRPr>
            </a:lvl3pPr>
            <a:lvl4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</a:defRPr>
            </a:lvl4pPr>
            <a:lvl5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</a:defRPr>
            </a:lvl5pPr>
            <a:lvl6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</a:defRPr>
            </a:lvl6pPr>
            <a:lvl7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</a:defRPr>
            </a:lvl7pPr>
            <a:lvl8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</a:defRPr>
            </a:lvl8pPr>
            <a:lvl9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</a:defRPr>
            </a:lvl9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5" name="Date Placeholder 23">
            <a:extLst>
              <a:ext uri="{FF2B5EF4-FFF2-40B4-BE49-F238E27FC236}">
                <a16:creationId xmlns:a16="http://schemas.microsoft.com/office/drawing/2014/main" id="{5E140603-43DD-A86D-6178-8431CE665C5E}"/>
              </a:ext>
            </a:extLst>
          </p:cNvPr>
          <p:cNvSpPr>
            <a:spLocks noGrp="1"/>
          </p:cNvSpPr>
          <p:nvPr>
            <p:ph type="dt" sz="half" idx="29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0DCFF90F-7773-4466-97DD-75BFE6C09779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6" name="Slide Number Placeholder 25">
            <a:extLst>
              <a:ext uri="{FF2B5EF4-FFF2-40B4-BE49-F238E27FC236}">
                <a16:creationId xmlns:a16="http://schemas.microsoft.com/office/drawing/2014/main" id="{ACB54E3E-47EB-20FD-CD2E-898BCAB7122B}"/>
              </a:ext>
            </a:extLst>
          </p:cNvPr>
          <p:cNvSpPr>
            <a:spLocks noGrp="1"/>
          </p:cNvSpPr>
          <p:nvPr>
            <p:ph type="sldNum" sz="quarter" idx="3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880FDF3A-190E-493D-BF7F-9A949B2F2109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Footer Placeholder 1">
            <a:extLst>
              <a:ext uri="{FF2B5EF4-FFF2-40B4-BE49-F238E27FC236}">
                <a16:creationId xmlns:a16="http://schemas.microsoft.com/office/drawing/2014/main" id="{9BB30ED6-DDB7-E5BC-43A1-7C2184A68B66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520022033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5. elementer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ggrund">
            <a:extLst>
              <a:ext uri="{FF2B5EF4-FFF2-40B4-BE49-F238E27FC236}">
                <a16:creationId xmlns:a16="http://schemas.microsoft.com/office/drawing/2014/main" id="{2B043A05-077A-2483-66D2-10FF8362468B}"/>
              </a:ext>
            </a:extLst>
          </p:cNvPr>
          <p:cNvSpPr/>
          <p:nvPr userDrawn="1"/>
        </p:nvSpPr>
        <p:spPr>
          <a:xfrm>
            <a:off x="0" y="0"/>
            <a:ext cx="6858000" cy="121920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20250" rIns="40500" bIns="2025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125" dirty="0"/>
          </a:p>
        </p:txBody>
      </p:sp>
      <p:sp>
        <p:nvSpPr>
          <p:cNvPr id="3" name="Logo">
            <a:extLst>
              <a:ext uri="{FF2B5EF4-FFF2-40B4-BE49-F238E27FC236}">
                <a16:creationId xmlns:a16="http://schemas.microsoft.com/office/drawing/2014/main" id="{801636A7-694B-EFB7-8DB7-D57A47614D1B}"/>
              </a:ext>
            </a:extLst>
          </p:cNvPr>
          <p:cNvSpPr/>
          <p:nvPr userDrawn="1"/>
        </p:nvSpPr>
        <p:spPr>
          <a:xfrm>
            <a:off x="6197600" y="639763"/>
            <a:ext cx="355600" cy="635000"/>
          </a:xfrm>
          <a:custGeom>
            <a:avLst/>
            <a:gdLst>
              <a:gd name="connsiteX0" fmla="*/ 3991223 w 5553123"/>
              <a:gd name="connsiteY0" fmla="*/ 1407246 h 3128654"/>
              <a:gd name="connsiteX1" fmla="*/ 3430346 w 5553123"/>
              <a:gd name="connsiteY1" fmla="*/ 1968030 h 3128654"/>
              <a:gd name="connsiteX2" fmla="*/ 3597555 w 5553123"/>
              <a:gd name="connsiteY2" fmla="*/ 1999879 h 3128654"/>
              <a:gd name="connsiteX3" fmla="*/ 4017277 w 5553123"/>
              <a:gd name="connsiteY3" fmla="*/ 1565700 h 3128654"/>
              <a:gd name="connsiteX4" fmla="*/ 4017243 w 5553123"/>
              <a:gd name="connsiteY4" fmla="*/ 1565803 h 3128654"/>
              <a:gd name="connsiteX5" fmla="*/ 3991223 w 5553123"/>
              <a:gd name="connsiteY5" fmla="*/ 1407246 h 3128654"/>
              <a:gd name="connsiteX6" fmla="*/ 3597692 w 5553123"/>
              <a:gd name="connsiteY6" fmla="*/ 1131487 h 3128654"/>
              <a:gd name="connsiteX7" fmla="*/ 3172031 w 5553123"/>
              <a:gd name="connsiteY7" fmla="*/ 1565700 h 3128654"/>
              <a:gd name="connsiteX8" fmla="*/ 3171997 w 5553123"/>
              <a:gd name="connsiteY8" fmla="*/ 1565803 h 3128654"/>
              <a:gd name="connsiteX9" fmla="*/ 3197296 w 5553123"/>
              <a:gd name="connsiteY9" fmla="*/ 1722061 h 3128654"/>
              <a:gd name="connsiteX10" fmla="*/ 3757830 w 5553123"/>
              <a:gd name="connsiteY10" fmla="*/ 1161723 h 3128654"/>
              <a:gd name="connsiteX11" fmla="*/ 3597692 w 5553123"/>
              <a:gd name="connsiteY11" fmla="*/ 1131487 h 3128654"/>
              <a:gd name="connsiteX12" fmla="*/ 2205438 w 5553123"/>
              <a:gd name="connsiteY12" fmla="*/ 837298 h 3128654"/>
              <a:gd name="connsiteX13" fmla="*/ 2590180 w 5553123"/>
              <a:gd name="connsiteY13" fmla="*/ 837298 h 3128654"/>
              <a:gd name="connsiteX14" fmla="*/ 2590180 w 5553123"/>
              <a:gd name="connsiteY14" fmla="*/ 2548651 h 3128654"/>
              <a:gd name="connsiteX15" fmla="*/ 2015984 w 5553123"/>
              <a:gd name="connsiteY15" fmla="*/ 3128654 h 3128654"/>
              <a:gd name="connsiteX16" fmla="*/ 1756572 w 5553123"/>
              <a:gd name="connsiteY16" fmla="*/ 3073262 h 3128654"/>
              <a:gd name="connsiteX17" fmla="*/ 1844038 w 5553123"/>
              <a:gd name="connsiteY17" fmla="*/ 2761571 h 3128654"/>
              <a:gd name="connsiteX18" fmla="*/ 1989724 w 5553123"/>
              <a:gd name="connsiteY18" fmla="*/ 2787791 h 3128654"/>
              <a:gd name="connsiteX19" fmla="*/ 2205438 w 5553123"/>
              <a:gd name="connsiteY19" fmla="*/ 2548857 h 3128654"/>
              <a:gd name="connsiteX20" fmla="*/ 4139105 w 5553123"/>
              <a:gd name="connsiteY20" fmla="*/ 780499 h 3128654"/>
              <a:gd name="connsiteX21" fmla="*/ 4378642 w 5553123"/>
              <a:gd name="connsiteY21" fmla="*/ 1020017 h 3128654"/>
              <a:gd name="connsiteX22" fmla="*/ 4263474 w 5553123"/>
              <a:gd name="connsiteY22" fmla="*/ 1135365 h 3128654"/>
              <a:gd name="connsiteX23" fmla="*/ 4390485 w 5553123"/>
              <a:gd name="connsiteY23" fmla="*/ 1565769 h 3128654"/>
              <a:gd name="connsiteX24" fmla="*/ 3597520 w 5553123"/>
              <a:gd name="connsiteY24" fmla="*/ 2335080 h 3128654"/>
              <a:gd name="connsiteX25" fmla="*/ 3173748 w 5553123"/>
              <a:gd name="connsiteY25" fmla="*/ 2224604 h 3128654"/>
              <a:gd name="connsiteX26" fmla="*/ 3050169 w 5553123"/>
              <a:gd name="connsiteY26" fmla="*/ 2348155 h 3128654"/>
              <a:gd name="connsiteX27" fmla="*/ 2810563 w 5553123"/>
              <a:gd name="connsiteY27" fmla="*/ 2108707 h 3128654"/>
              <a:gd name="connsiteX28" fmla="*/ 2925320 w 5553123"/>
              <a:gd name="connsiteY28" fmla="*/ 1993976 h 3128654"/>
              <a:gd name="connsiteX29" fmla="*/ 2798892 w 5553123"/>
              <a:gd name="connsiteY29" fmla="*/ 1565838 h 3128654"/>
              <a:gd name="connsiteX30" fmla="*/ 3597486 w 5553123"/>
              <a:gd name="connsiteY30" fmla="*/ 793644 h 3128654"/>
              <a:gd name="connsiteX31" fmla="*/ 4015526 w 5553123"/>
              <a:gd name="connsiteY31" fmla="*/ 904050 h 3128654"/>
              <a:gd name="connsiteX32" fmla="*/ 396379 w 5553123"/>
              <a:gd name="connsiteY32" fmla="*/ 435140 h 3128654"/>
              <a:gd name="connsiteX33" fmla="*/ 396379 w 5553123"/>
              <a:gd name="connsiteY33" fmla="*/ 1932956 h 3128654"/>
              <a:gd name="connsiteX34" fmla="*/ 846344 w 5553123"/>
              <a:gd name="connsiteY34" fmla="*/ 1932956 h 3128654"/>
              <a:gd name="connsiteX35" fmla="*/ 1601274 w 5553123"/>
              <a:gd name="connsiteY35" fmla="*/ 1184065 h 3128654"/>
              <a:gd name="connsiteX36" fmla="*/ 846344 w 5553123"/>
              <a:gd name="connsiteY36" fmla="*/ 435140 h 3128654"/>
              <a:gd name="connsiteX37" fmla="*/ 0 w 5553123"/>
              <a:gd name="connsiteY37" fmla="*/ 76739 h 3128654"/>
              <a:gd name="connsiteX38" fmla="*/ 820049 w 5553123"/>
              <a:gd name="connsiteY38" fmla="*/ 76739 h 3128654"/>
              <a:gd name="connsiteX39" fmla="*/ 2000502 w 5553123"/>
              <a:gd name="connsiteY39" fmla="*/ 1184065 h 3128654"/>
              <a:gd name="connsiteX40" fmla="*/ 820049 w 5553123"/>
              <a:gd name="connsiteY40" fmla="*/ 2291391 h 3128654"/>
              <a:gd name="connsiteX41" fmla="*/ 0 w 5553123"/>
              <a:gd name="connsiteY41" fmla="*/ 2291391 h 3128654"/>
              <a:gd name="connsiteX42" fmla="*/ 5214998 w 5553123"/>
              <a:gd name="connsiteY42" fmla="*/ 0 h 3128654"/>
              <a:gd name="connsiteX43" fmla="*/ 5474410 w 5553123"/>
              <a:gd name="connsiteY43" fmla="*/ 55393 h 3128654"/>
              <a:gd name="connsiteX44" fmla="*/ 5386944 w 5553123"/>
              <a:gd name="connsiteY44" fmla="*/ 367187 h 3128654"/>
              <a:gd name="connsiteX45" fmla="*/ 5241258 w 5553123"/>
              <a:gd name="connsiteY45" fmla="*/ 340932 h 3128654"/>
              <a:gd name="connsiteX46" fmla="*/ 5025544 w 5553123"/>
              <a:gd name="connsiteY46" fmla="*/ 579901 h 3128654"/>
              <a:gd name="connsiteX47" fmla="*/ 5025544 w 5553123"/>
              <a:gd name="connsiteY47" fmla="*/ 837299 h 3128654"/>
              <a:gd name="connsiteX48" fmla="*/ 5553123 w 5553123"/>
              <a:gd name="connsiteY48" fmla="*/ 837402 h 3128654"/>
              <a:gd name="connsiteX49" fmla="*/ 5553123 w 5553123"/>
              <a:gd name="connsiteY49" fmla="*/ 1152113 h 3128654"/>
              <a:gd name="connsiteX50" fmla="*/ 5025544 w 5553123"/>
              <a:gd name="connsiteY50" fmla="*/ 1152113 h 3128654"/>
              <a:gd name="connsiteX51" fmla="*/ 5025544 w 5553123"/>
              <a:gd name="connsiteY51" fmla="*/ 2291528 h 3128654"/>
              <a:gd name="connsiteX52" fmla="*/ 4640802 w 5553123"/>
              <a:gd name="connsiteY52" fmla="*/ 2291528 h 3128654"/>
              <a:gd name="connsiteX53" fmla="*/ 4640802 w 5553123"/>
              <a:gd name="connsiteY53" fmla="*/ 1152113 h 3128654"/>
              <a:gd name="connsiteX54" fmla="*/ 4423612 w 5553123"/>
              <a:gd name="connsiteY54" fmla="*/ 1152113 h 3128654"/>
              <a:gd name="connsiteX55" fmla="*/ 4423612 w 5553123"/>
              <a:gd name="connsiteY55" fmla="*/ 837402 h 3128654"/>
              <a:gd name="connsiteX56" fmla="*/ 4640802 w 5553123"/>
              <a:gd name="connsiteY56" fmla="*/ 837402 h 3128654"/>
              <a:gd name="connsiteX57" fmla="*/ 4640802 w 5553123"/>
              <a:gd name="connsiteY57" fmla="*/ 580004 h 3128654"/>
              <a:gd name="connsiteX58" fmla="*/ 5214998 w 5553123"/>
              <a:gd name="connsiteY58" fmla="*/ 0 h 31286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5553123" h="3128654">
                <a:moveTo>
                  <a:pt x="3991223" y="1407246"/>
                </a:moveTo>
                <a:lnTo>
                  <a:pt x="3430346" y="1968030"/>
                </a:lnTo>
                <a:cubicBezTo>
                  <a:pt x="3483553" y="1989213"/>
                  <a:pt x="3540297" y="2000023"/>
                  <a:pt x="3597555" y="1999879"/>
                </a:cubicBezTo>
                <a:cubicBezTo>
                  <a:pt x="3819070" y="1999879"/>
                  <a:pt x="4017277" y="1836826"/>
                  <a:pt x="4017277" y="1565700"/>
                </a:cubicBezTo>
                <a:lnTo>
                  <a:pt x="4017243" y="1565803"/>
                </a:lnTo>
                <a:cubicBezTo>
                  <a:pt x="4017518" y="1511866"/>
                  <a:pt x="4008729" y="1458269"/>
                  <a:pt x="3991223" y="1407246"/>
                </a:cubicBezTo>
                <a:close/>
                <a:moveTo>
                  <a:pt x="3597692" y="1131487"/>
                </a:moveTo>
                <a:cubicBezTo>
                  <a:pt x="3370204" y="1131487"/>
                  <a:pt x="3172031" y="1294574"/>
                  <a:pt x="3172031" y="1565700"/>
                </a:cubicBezTo>
                <a:lnTo>
                  <a:pt x="3171997" y="1565803"/>
                </a:lnTo>
                <a:cubicBezTo>
                  <a:pt x="3171757" y="1618927"/>
                  <a:pt x="3180304" y="1671724"/>
                  <a:pt x="3197296" y="1722061"/>
                </a:cubicBezTo>
                <a:lnTo>
                  <a:pt x="3757830" y="1161723"/>
                </a:lnTo>
                <a:cubicBezTo>
                  <a:pt x="3706819" y="1141649"/>
                  <a:pt x="3652513" y="1131391"/>
                  <a:pt x="3597692" y="1131487"/>
                </a:cubicBezTo>
                <a:close/>
                <a:moveTo>
                  <a:pt x="2205438" y="837298"/>
                </a:moveTo>
                <a:lnTo>
                  <a:pt x="2590180" y="837298"/>
                </a:lnTo>
                <a:lnTo>
                  <a:pt x="2590180" y="2548651"/>
                </a:lnTo>
                <a:cubicBezTo>
                  <a:pt x="2590180" y="2895520"/>
                  <a:pt x="2359911" y="3128654"/>
                  <a:pt x="2015984" y="3128654"/>
                </a:cubicBezTo>
                <a:cubicBezTo>
                  <a:pt x="1922717" y="3128654"/>
                  <a:pt x="1838202" y="3111014"/>
                  <a:pt x="1756572" y="3073262"/>
                </a:cubicBezTo>
                <a:lnTo>
                  <a:pt x="1844038" y="2761571"/>
                </a:lnTo>
                <a:cubicBezTo>
                  <a:pt x="1896456" y="2779074"/>
                  <a:pt x="1948909" y="2787791"/>
                  <a:pt x="1989724" y="2787791"/>
                </a:cubicBezTo>
                <a:cubicBezTo>
                  <a:pt x="2118006" y="2787791"/>
                  <a:pt x="2205438" y="2691627"/>
                  <a:pt x="2205438" y="2548857"/>
                </a:cubicBezTo>
                <a:close/>
                <a:moveTo>
                  <a:pt x="4139105" y="780499"/>
                </a:moveTo>
                <a:lnTo>
                  <a:pt x="4378642" y="1020017"/>
                </a:lnTo>
                <a:lnTo>
                  <a:pt x="4263474" y="1135365"/>
                </a:lnTo>
                <a:cubicBezTo>
                  <a:pt x="4343457" y="1255038"/>
                  <a:pt x="4390485" y="1401034"/>
                  <a:pt x="4390485" y="1565769"/>
                </a:cubicBezTo>
                <a:cubicBezTo>
                  <a:pt x="4390485" y="2023285"/>
                  <a:pt x="4028880" y="2335080"/>
                  <a:pt x="3597520" y="2335080"/>
                </a:cubicBezTo>
                <a:cubicBezTo>
                  <a:pt x="3442429" y="2335080"/>
                  <a:pt x="3296983" y="2295681"/>
                  <a:pt x="3173748" y="2224604"/>
                </a:cubicBezTo>
                <a:lnTo>
                  <a:pt x="3050169" y="2348155"/>
                </a:lnTo>
                <a:lnTo>
                  <a:pt x="2810563" y="2108707"/>
                </a:lnTo>
                <a:lnTo>
                  <a:pt x="2925320" y="1993976"/>
                </a:lnTo>
                <a:cubicBezTo>
                  <a:pt x="2845543" y="1875058"/>
                  <a:pt x="2798892" y="1729886"/>
                  <a:pt x="2798892" y="1565838"/>
                </a:cubicBezTo>
                <a:cubicBezTo>
                  <a:pt x="2798892" y="1108390"/>
                  <a:pt x="3160291" y="793644"/>
                  <a:pt x="3597486" y="793644"/>
                </a:cubicBezTo>
                <a:cubicBezTo>
                  <a:pt x="3749866" y="793644"/>
                  <a:pt x="3893424" y="833077"/>
                  <a:pt x="4015526" y="904050"/>
                </a:cubicBezTo>
                <a:close/>
                <a:moveTo>
                  <a:pt x="396379" y="435140"/>
                </a:moveTo>
                <a:lnTo>
                  <a:pt x="396379" y="1932956"/>
                </a:lnTo>
                <a:lnTo>
                  <a:pt x="846344" y="1932956"/>
                </a:lnTo>
                <a:cubicBezTo>
                  <a:pt x="1298059" y="1932956"/>
                  <a:pt x="1601274" y="1632830"/>
                  <a:pt x="1601274" y="1184065"/>
                </a:cubicBezTo>
                <a:cubicBezTo>
                  <a:pt x="1601274" y="735300"/>
                  <a:pt x="1298128" y="435140"/>
                  <a:pt x="846344" y="435140"/>
                </a:cubicBezTo>
                <a:close/>
                <a:moveTo>
                  <a:pt x="0" y="76739"/>
                </a:moveTo>
                <a:lnTo>
                  <a:pt x="820049" y="76739"/>
                </a:lnTo>
                <a:cubicBezTo>
                  <a:pt x="1528328" y="76739"/>
                  <a:pt x="2000502" y="519670"/>
                  <a:pt x="2000502" y="1184065"/>
                </a:cubicBezTo>
                <a:cubicBezTo>
                  <a:pt x="2000502" y="1848460"/>
                  <a:pt x="1528328" y="2291391"/>
                  <a:pt x="820049" y="2291391"/>
                </a:cubicBezTo>
                <a:lnTo>
                  <a:pt x="0" y="2291391"/>
                </a:lnTo>
                <a:close/>
                <a:moveTo>
                  <a:pt x="5214998" y="0"/>
                </a:moveTo>
                <a:cubicBezTo>
                  <a:pt x="5308265" y="0"/>
                  <a:pt x="5392780" y="17641"/>
                  <a:pt x="5474410" y="55393"/>
                </a:cubicBezTo>
                <a:lnTo>
                  <a:pt x="5386944" y="367187"/>
                </a:lnTo>
                <a:cubicBezTo>
                  <a:pt x="5334526" y="349684"/>
                  <a:pt x="5282074" y="340932"/>
                  <a:pt x="5241258" y="340932"/>
                </a:cubicBezTo>
                <a:cubicBezTo>
                  <a:pt x="5112976" y="340932"/>
                  <a:pt x="5025544" y="437131"/>
                  <a:pt x="5025544" y="579901"/>
                </a:cubicBezTo>
                <a:lnTo>
                  <a:pt x="5025544" y="837299"/>
                </a:lnTo>
                <a:lnTo>
                  <a:pt x="5553123" y="837402"/>
                </a:lnTo>
                <a:lnTo>
                  <a:pt x="5553123" y="1152113"/>
                </a:lnTo>
                <a:lnTo>
                  <a:pt x="5025544" y="1152113"/>
                </a:lnTo>
                <a:lnTo>
                  <a:pt x="5025544" y="2291528"/>
                </a:lnTo>
                <a:lnTo>
                  <a:pt x="4640802" y="2291528"/>
                </a:lnTo>
                <a:lnTo>
                  <a:pt x="4640802" y="1152113"/>
                </a:lnTo>
                <a:lnTo>
                  <a:pt x="4423612" y="1152113"/>
                </a:lnTo>
                <a:lnTo>
                  <a:pt x="4423612" y="837402"/>
                </a:lnTo>
                <a:lnTo>
                  <a:pt x="4640802" y="837402"/>
                </a:lnTo>
                <a:lnTo>
                  <a:pt x="4640802" y="580004"/>
                </a:lnTo>
                <a:cubicBezTo>
                  <a:pt x="4640802" y="233134"/>
                  <a:pt x="4871070" y="0"/>
                  <a:pt x="5214998" y="0"/>
                </a:cubicBezTo>
                <a:close/>
              </a:path>
            </a:pathLst>
          </a:custGeom>
          <a:solidFill>
            <a:srgbClr val="1D1D1B"/>
          </a:solidFill>
          <a:ln w="3432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03750" y="1600000"/>
            <a:ext cx="1948458" cy="9951356"/>
          </a:xfrm>
        </p:spPr>
        <p:txBody>
          <a:bodyPr/>
          <a:lstStyle>
            <a:lvl1pPr>
              <a:defRPr sz="1350"/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13" name="Text Placeholder 5"/>
          <p:cNvSpPr>
            <a:spLocks noGrp="1" noChangeAspect="1"/>
          </p:cNvSpPr>
          <p:nvPr>
            <p:ph type="body" sz="quarter" idx="27"/>
          </p:nvPr>
        </p:nvSpPr>
        <p:spPr>
          <a:xfrm>
            <a:off x="3000376" y="0"/>
            <a:ext cx="1928813" cy="6096000"/>
          </a:xfrm>
          <a:solidFill>
            <a:schemeClr val="accent1"/>
          </a:solidFill>
        </p:spPr>
        <p:txBody>
          <a:bodyPr lIns="540000" tIns="360000" rIns="360000" bIns="360000" anchor="ctr" anchorCtr="0"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  <a:latin typeface="+mn-lt"/>
              </a:defRPr>
            </a:lvl1pPr>
            <a:lvl2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  <a:latin typeface="+mn-lt"/>
              </a:defRPr>
            </a:lvl2pPr>
            <a:lvl3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  <a:latin typeface="+mn-lt"/>
              </a:defRPr>
            </a:lvl3pPr>
            <a:lvl4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250" b="1">
                <a:solidFill>
                  <a:schemeClr val="bg1"/>
                </a:solidFill>
                <a:latin typeface="+mn-lt"/>
              </a:defRPr>
            </a:lvl4pPr>
            <a:lvl5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250" b="1">
                <a:solidFill>
                  <a:schemeClr val="bg1"/>
                </a:solidFill>
                <a:latin typeface="+mn-lt"/>
              </a:defRPr>
            </a:lvl5pPr>
            <a:lvl6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  <a:latin typeface="+mn-lt"/>
              </a:defRPr>
            </a:lvl6pPr>
            <a:lvl7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250" b="1">
                <a:solidFill>
                  <a:schemeClr val="bg1"/>
                </a:solidFill>
                <a:latin typeface="+mn-lt"/>
              </a:defRPr>
            </a:lvl7pPr>
            <a:lvl8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250" b="1">
                <a:solidFill>
                  <a:schemeClr val="bg1"/>
                </a:solidFill>
                <a:latin typeface="+mn-lt"/>
              </a:defRPr>
            </a:lvl8pPr>
            <a:lvl9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250" b="1">
                <a:solidFill>
                  <a:schemeClr val="bg1"/>
                </a:solidFill>
                <a:latin typeface="+mn-lt"/>
              </a:defRPr>
            </a:lvl9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14" name="Text Placeholder 9"/>
          <p:cNvSpPr>
            <a:spLocks noGrp="1"/>
          </p:cNvSpPr>
          <p:nvPr>
            <p:ph type="body" sz="quarter" idx="28"/>
          </p:nvPr>
        </p:nvSpPr>
        <p:spPr>
          <a:xfrm>
            <a:off x="3000376" y="6096000"/>
            <a:ext cx="1928813" cy="6096000"/>
          </a:xfrm>
          <a:prstGeom prst="ellipse">
            <a:avLst/>
          </a:prstGeom>
          <a:solidFill>
            <a:schemeClr val="accent2"/>
          </a:solidFill>
        </p:spPr>
        <p:txBody>
          <a:bodyPr lIns="90000" tIns="360000" rIns="90000" bIns="360000" anchor="ctr" anchorCtr="0"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</a:defRPr>
            </a:lvl1pPr>
            <a:lvl2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</a:defRPr>
            </a:lvl2pPr>
            <a:lvl3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</a:defRPr>
            </a:lvl3pPr>
            <a:lvl4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</a:defRPr>
            </a:lvl4pPr>
            <a:lvl5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</a:defRPr>
            </a:lvl5pPr>
            <a:lvl6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</a:defRPr>
            </a:lvl6pPr>
            <a:lvl7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</a:defRPr>
            </a:lvl7pPr>
            <a:lvl8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</a:defRPr>
            </a:lvl8pPr>
            <a:lvl9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</a:defRPr>
            </a:lvl9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5" name="Date Placeholder 23">
            <a:extLst>
              <a:ext uri="{FF2B5EF4-FFF2-40B4-BE49-F238E27FC236}">
                <a16:creationId xmlns:a16="http://schemas.microsoft.com/office/drawing/2014/main" id="{C3FC361F-070C-8697-057B-0D8F5F25C7E1}"/>
              </a:ext>
            </a:extLst>
          </p:cNvPr>
          <p:cNvSpPr>
            <a:spLocks noGrp="1"/>
          </p:cNvSpPr>
          <p:nvPr>
            <p:ph type="dt" sz="half" idx="29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E7DF45C6-D5C7-4E3E-894F-B309ECAAA0AA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6" name="Slide Number Placeholder 25">
            <a:extLst>
              <a:ext uri="{FF2B5EF4-FFF2-40B4-BE49-F238E27FC236}">
                <a16:creationId xmlns:a16="http://schemas.microsoft.com/office/drawing/2014/main" id="{66D628E9-5B2A-41A5-B838-5D2BDAD4F19C}"/>
              </a:ext>
            </a:extLst>
          </p:cNvPr>
          <p:cNvSpPr>
            <a:spLocks noGrp="1"/>
          </p:cNvSpPr>
          <p:nvPr>
            <p:ph type="sldNum" sz="quarter" idx="3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B6968BE4-DBA8-4337-B1C5-395464C897A5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Footer Placeholder 1">
            <a:extLst>
              <a:ext uri="{FF2B5EF4-FFF2-40B4-BE49-F238E27FC236}">
                <a16:creationId xmlns:a16="http://schemas.microsoft.com/office/drawing/2014/main" id="{E0804218-48A3-D6EE-6432-3C139D13CD0B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>
          <a:xfrm>
            <a:off x="1916113" y="639763"/>
            <a:ext cx="873125" cy="635000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006905952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3" name="Date Placeholder 1">
            <a:extLst>
              <a:ext uri="{FF2B5EF4-FFF2-40B4-BE49-F238E27FC236}">
                <a16:creationId xmlns:a16="http://schemas.microsoft.com/office/drawing/2014/main" id="{B1662ABC-BF13-1F8B-28DF-45B91042B1D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C4D9C2F1-1954-4354-BFEB-2339C6A46A00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4" name="Footer Placeholder 7">
            <a:extLst>
              <a:ext uri="{FF2B5EF4-FFF2-40B4-BE49-F238E27FC236}">
                <a16:creationId xmlns:a16="http://schemas.microsoft.com/office/drawing/2014/main" id="{6BDED947-653E-BE28-9CD2-260E8983512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5" name="Slide Number Placeholder 8">
            <a:extLst>
              <a:ext uri="{FF2B5EF4-FFF2-40B4-BE49-F238E27FC236}">
                <a16:creationId xmlns:a16="http://schemas.microsoft.com/office/drawing/2014/main" id="{CEF2582B-FF19-51D7-C2B6-5CE4618ADC0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A31F7AE9-C1EF-4F36-8861-C6BC3911ACF2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6214788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 slide med helside billede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Oval 9">
            <a:extLst>
              <a:ext uri="{FF2B5EF4-FFF2-40B4-BE49-F238E27FC236}">
                <a16:creationId xmlns:a16="http://schemas.microsoft.com/office/drawing/2014/main" id="{7883A7AA-14F8-1482-4E7C-3812FB31E793}"/>
              </a:ext>
            </a:extLst>
          </p:cNvPr>
          <p:cNvSpPr/>
          <p:nvPr userDrawn="1"/>
        </p:nvSpPr>
        <p:spPr>
          <a:xfrm rot="16200000">
            <a:off x="2898776" y="1389062"/>
            <a:ext cx="4089400" cy="129222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20250" rIns="40500" bIns="2025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900" dirty="0">
              <a:solidFill>
                <a:schemeClr val="accent2"/>
              </a:solidFill>
            </a:endParaRPr>
          </a:p>
        </p:txBody>
      </p:sp>
      <p:sp>
        <p:nvSpPr>
          <p:cNvPr id="5" name="Freeform: Shape 3">
            <a:extLst>
              <a:ext uri="{FF2B5EF4-FFF2-40B4-BE49-F238E27FC236}">
                <a16:creationId xmlns:a16="http://schemas.microsoft.com/office/drawing/2014/main" id="{11236FD4-71BC-2464-EF29-87D928276BA3}"/>
              </a:ext>
            </a:extLst>
          </p:cNvPr>
          <p:cNvSpPr>
            <a:spLocks noChangeAspect="1"/>
          </p:cNvSpPr>
          <p:nvPr userDrawn="1"/>
        </p:nvSpPr>
        <p:spPr>
          <a:xfrm rot="5400000">
            <a:off x="3943350" y="10534650"/>
            <a:ext cx="2041525" cy="1292225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20250" rIns="40500" bIns="2025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900" dirty="0">
              <a:solidFill>
                <a:schemeClr val="accent2"/>
              </a:solidFill>
            </a:endParaRPr>
          </a:p>
        </p:txBody>
      </p:sp>
      <p:sp>
        <p:nvSpPr>
          <p:cNvPr id="10" name="Pladsholder til billede 9"/>
          <p:cNvSpPr>
            <a:spLocks noGrp="1"/>
          </p:cNvSpPr>
          <p:nvPr>
            <p:ph type="pic" sz="quarter" idx="13"/>
          </p:nvPr>
        </p:nvSpPr>
        <p:spPr>
          <a:xfrm>
            <a:off x="1" y="0"/>
            <a:ext cx="6858675" cy="12192000"/>
          </a:xfrm>
          <a:custGeom>
            <a:avLst/>
            <a:gdLst>
              <a:gd name="connsiteX0" fmla="*/ 0 w 12193200"/>
              <a:gd name="connsiteY0" fmla="*/ 0 h 6858000"/>
              <a:gd name="connsiteX1" fmla="*/ 12193200 w 12193200"/>
              <a:gd name="connsiteY1" fmla="*/ 0 h 6858000"/>
              <a:gd name="connsiteX2" fmla="*/ 12193200 w 12193200"/>
              <a:gd name="connsiteY2" fmla="*/ 6858000 h 6858000"/>
              <a:gd name="connsiteX3" fmla="*/ 9975979 w 12193200"/>
              <a:gd name="connsiteY3" fmla="*/ 6858000 h 6858000"/>
              <a:gd name="connsiteX4" fmla="*/ 8836190 w 12193200"/>
              <a:gd name="connsiteY4" fmla="*/ 5718211 h 6858000"/>
              <a:gd name="connsiteX5" fmla="*/ 7696402 w 12193200"/>
              <a:gd name="connsiteY5" fmla="*/ 6858000 h 6858000"/>
              <a:gd name="connsiteX6" fmla="*/ 0 w 12193200"/>
              <a:gd name="connsiteY6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2193200" h="6858000">
                <a:moveTo>
                  <a:pt x="0" y="0"/>
                </a:moveTo>
                <a:lnTo>
                  <a:pt x="12193200" y="0"/>
                </a:lnTo>
                <a:lnTo>
                  <a:pt x="12193200" y="6858000"/>
                </a:lnTo>
                <a:lnTo>
                  <a:pt x="9975979" y="6858000"/>
                </a:lnTo>
                <a:cubicBezTo>
                  <a:pt x="9975979" y="6228512"/>
                  <a:pt x="9465678" y="5718211"/>
                  <a:pt x="8836190" y="5718211"/>
                </a:cubicBezTo>
                <a:cubicBezTo>
                  <a:pt x="8206703" y="5718211"/>
                  <a:pt x="7696402" y="6228512"/>
                  <a:pt x="7696402" y="6858000"/>
                </a:cubicBezTo>
                <a:lnTo>
                  <a:pt x="0" y="6858000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lIns="540000" tIns="108000"/>
          <a:lstStyle>
            <a:lvl1pPr marL="0" indent="0" algn="l">
              <a:buNone/>
              <a:defRPr sz="788"/>
            </a:lvl1pPr>
          </a:lstStyle>
          <a:p>
            <a:pPr lvl="0"/>
            <a:r>
              <a:rPr lang="da-DK" noProof="0"/>
              <a:t>Klik på ikonet for at tilføje et billede</a:t>
            </a:r>
            <a:endParaRPr lang="da-DK" noProof="0" dirty="0"/>
          </a:p>
        </p:txBody>
      </p:sp>
      <p:sp>
        <p:nvSpPr>
          <p:cNvPr id="23" name="Logo on top"/>
          <p:cNvSpPr>
            <a:spLocks noGrp="1"/>
          </p:cNvSpPr>
          <p:nvPr>
            <p:ph type="body" sz="quarter" idx="14"/>
          </p:nvPr>
        </p:nvSpPr>
        <p:spPr bwMode="white">
          <a:xfrm>
            <a:off x="6054750" y="640000"/>
            <a:ext cx="498480" cy="887812"/>
          </a:xfrm>
          <a:custGeom>
            <a:avLst/>
            <a:gdLst>
              <a:gd name="connsiteX0" fmla="*/ 4742089 w 6597829"/>
              <a:gd name="connsiteY0" fmla="*/ 1672366 h 3718082"/>
              <a:gd name="connsiteX1" fmla="*/ 4075695 w 6597829"/>
              <a:gd name="connsiteY1" fmla="*/ 2338800 h 3718082"/>
              <a:gd name="connsiteX2" fmla="*/ 4274361 w 6597829"/>
              <a:gd name="connsiteY2" fmla="*/ 2376649 h 3718082"/>
              <a:gd name="connsiteX3" fmla="*/ 4773045 w 6597829"/>
              <a:gd name="connsiteY3" fmla="*/ 1860672 h 3718082"/>
              <a:gd name="connsiteX4" fmla="*/ 4773004 w 6597829"/>
              <a:gd name="connsiteY4" fmla="*/ 1860795 h 3718082"/>
              <a:gd name="connsiteX5" fmla="*/ 4742089 w 6597829"/>
              <a:gd name="connsiteY5" fmla="*/ 1672366 h 3718082"/>
              <a:gd name="connsiteX6" fmla="*/ 4274524 w 6597829"/>
              <a:gd name="connsiteY6" fmla="*/ 1344655 h 3718082"/>
              <a:gd name="connsiteX7" fmla="*/ 3768784 w 6597829"/>
              <a:gd name="connsiteY7" fmla="*/ 1860672 h 3718082"/>
              <a:gd name="connsiteX8" fmla="*/ 3768743 w 6597829"/>
              <a:gd name="connsiteY8" fmla="*/ 1860795 h 3718082"/>
              <a:gd name="connsiteX9" fmla="*/ 3798802 w 6597829"/>
              <a:gd name="connsiteY9" fmla="*/ 2046491 h 3718082"/>
              <a:gd name="connsiteX10" fmla="*/ 4464789 w 6597829"/>
              <a:gd name="connsiteY10" fmla="*/ 1380587 h 3718082"/>
              <a:gd name="connsiteX11" fmla="*/ 4274524 w 6597829"/>
              <a:gd name="connsiteY11" fmla="*/ 1344655 h 3718082"/>
              <a:gd name="connsiteX12" fmla="*/ 2620346 w 6597829"/>
              <a:gd name="connsiteY12" fmla="*/ 995042 h 3718082"/>
              <a:gd name="connsiteX13" fmla="*/ 3077470 w 6597829"/>
              <a:gd name="connsiteY13" fmla="*/ 995042 h 3718082"/>
              <a:gd name="connsiteX14" fmla="*/ 3077470 w 6597829"/>
              <a:gd name="connsiteY14" fmla="*/ 3028808 h 3718082"/>
              <a:gd name="connsiteX15" fmla="*/ 2395251 w 6597829"/>
              <a:gd name="connsiteY15" fmla="*/ 3718082 h 3718082"/>
              <a:gd name="connsiteX16" fmla="*/ 2087035 w 6597829"/>
              <a:gd name="connsiteY16" fmla="*/ 3652254 h 3718082"/>
              <a:gd name="connsiteX17" fmla="*/ 2190956 w 6597829"/>
              <a:gd name="connsiteY17" fmla="*/ 3281841 h 3718082"/>
              <a:gd name="connsiteX18" fmla="*/ 2364050 w 6597829"/>
              <a:gd name="connsiteY18" fmla="*/ 3313001 h 3718082"/>
              <a:gd name="connsiteX19" fmla="*/ 2620346 w 6597829"/>
              <a:gd name="connsiteY19" fmla="*/ 3029053 h 3718082"/>
              <a:gd name="connsiteX20" fmla="*/ 4917793 w 6597829"/>
              <a:gd name="connsiteY20" fmla="*/ 927542 h 3718082"/>
              <a:gd name="connsiteX21" fmla="*/ 5202394 w 6597829"/>
              <a:gd name="connsiteY21" fmla="*/ 1212184 h 3718082"/>
              <a:gd name="connsiteX22" fmla="*/ 5065559 w 6597829"/>
              <a:gd name="connsiteY22" fmla="*/ 1349264 h 3718082"/>
              <a:gd name="connsiteX23" fmla="*/ 5216465 w 6597829"/>
              <a:gd name="connsiteY23" fmla="*/ 1860754 h 3718082"/>
              <a:gd name="connsiteX24" fmla="*/ 4274320 w 6597829"/>
              <a:gd name="connsiteY24" fmla="*/ 2775000 h 3718082"/>
              <a:gd name="connsiteX25" fmla="*/ 3770823 w 6597829"/>
              <a:gd name="connsiteY25" fmla="*/ 2643712 h 3718082"/>
              <a:gd name="connsiteX26" fmla="*/ 3623995 w 6597829"/>
              <a:gd name="connsiteY26" fmla="*/ 2790539 h 3718082"/>
              <a:gd name="connsiteX27" fmla="*/ 3339313 w 6597829"/>
              <a:gd name="connsiteY27" fmla="*/ 2505979 h 3718082"/>
              <a:gd name="connsiteX28" fmla="*/ 3475659 w 6597829"/>
              <a:gd name="connsiteY28" fmla="*/ 2369634 h 3718082"/>
              <a:gd name="connsiteX29" fmla="*/ 3325446 w 6597829"/>
              <a:gd name="connsiteY29" fmla="*/ 1860836 h 3718082"/>
              <a:gd name="connsiteX30" fmla="*/ 4274279 w 6597829"/>
              <a:gd name="connsiteY30" fmla="*/ 943163 h 3718082"/>
              <a:gd name="connsiteX31" fmla="*/ 4770965 w 6597829"/>
              <a:gd name="connsiteY31" fmla="*/ 1074370 h 3718082"/>
              <a:gd name="connsiteX32" fmla="*/ 470950 w 6597829"/>
              <a:gd name="connsiteY32" fmla="*/ 517119 h 3718082"/>
              <a:gd name="connsiteX33" fmla="*/ 470950 w 6597829"/>
              <a:gd name="connsiteY33" fmla="*/ 2297117 h 3718082"/>
              <a:gd name="connsiteX34" fmla="*/ 1005566 w 6597829"/>
              <a:gd name="connsiteY34" fmla="*/ 2297117 h 3718082"/>
              <a:gd name="connsiteX35" fmla="*/ 1902521 w 6597829"/>
              <a:gd name="connsiteY35" fmla="*/ 1407138 h 3718082"/>
              <a:gd name="connsiteX36" fmla="*/ 1005566 w 6597829"/>
              <a:gd name="connsiteY36" fmla="*/ 517119 h 3718082"/>
              <a:gd name="connsiteX37" fmla="*/ 0 w 6597829"/>
              <a:gd name="connsiteY37" fmla="*/ 91196 h 3718082"/>
              <a:gd name="connsiteX38" fmla="*/ 974324 w 6597829"/>
              <a:gd name="connsiteY38" fmla="*/ 91196 h 3718082"/>
              <a:gd name="connsiteX39" fmla="*/ 2376856 w 6597829"/>
              <a:gd name="connsiteY39" fmla="*/ 1407138 h 3718082"/>
              <a:gd name="connsiteX40" fmla="*/ 974324 w 6597829"/>
              <a:gd name="connsiteY40" fmla="*/ 2723080 h 3718082"/>
              <a:gd name="connsiteX41" fmla="*/ 0 w 6597829"/>
              <a:gd name="connsiteY41" fmla="*/ 2723080 h 3718082"/>
              <a:gd name="connsiteX42" fmla="*/ 6196092 w 6597829"/>
              <a:gd name="connsiteY42" fmla="*/ 0 h 3718082"/>
              <a:gd name="connsiteX43" fmla="*/ 6504307 w 6597829"/>
              <a:gd name="connsiteY43" fmla="*/ 65828 h 3718082"/>
              <a:gd name="connsiteX44" fmla="*/ 6400386 w 6597829"/>
              <a:gd name="connsiteY44" fmla="*/ 436364 h 3718082"/>
              <a:gd name="connsiteX45" fmla="*/ 6227293 w 6597829"/>
              <a:gd name="connsiteY45" fmla="*/ 405163 h 3718082"/>
              <a:gd name="connsiteX46" fmla="*/ 5970996 w 6597829"/>
              <a:gd name="connsiteY46" fmla="*/ 689152 h 3718082"/>
              <a:gd name="connsiteX47" fmla="*/ 5970996 w 6597829"/>
              <a:gd name="connsiteY47" fmla="*/ 995043 h 3718082"/>
              <a:gd name="connsiteX48" fmla="*/ 6597829 w 6597829"/>
              <a:gd name="connsiteY48" fmla="*/ 995165 h 3718082"/>
              <a:gd name="connsiteX49" fmla="*/ 6597829 w 6597829"/>
              <a:gd name="connsiteY49" fmla="*/ 1369167 h 3718082"/>
              <a:gd name="connsiteX50" fmla="*/ 5970996 w 6597829"/>
              <a:gd name="connsiteY50" fmla="*/ 1369167 h 3718082"/>
              <a:gd name="connsiteX51" fmla="*/ 5970996 w 6597829"/>
              <a:gd name="connsiteY51" fmla="*/ 2723243 h 3718082"/>
              <a:gd name="connsiteX52" fmla="*/ 5513872 w 6597829"/>
              <a:gd name="connsiteY52" fmla="*/ 2723243 h 3718082"/>
              <a:gd name="connsiteX53" fmla="*/ 5513872 w 6597829"/>
              <a:gd name="connsiteY53" fmla="*/ 1369167 h 3718082"/>
              <a:gd name="connsiteX54" fmla="*/ 5255823 w 6597829"/>
              <a:gd name="connsiteY54" fmla="*/ 1369167 h 3718082"/>
              <a:gd name="connsiteX55" fmla="*/ 5255823 w 6597829"/>
              <a:gd name="connsiteY55" fmla="*/ 995165 h 3718082"/>
              <a:gd name="connsiteX56" fmla="*/ 5513872 w 6597829"/>
              <a:gd name="connsiteY56" fmla="*/ 995165 h 3718082"/>
              <a:gd name="connsiteX57" fmla="*/ 5513872 w 6597829"/>
              <a:gd name="connsiteY57" fmla="*/ 689274 h 3718082"/>
              <a:gd name="connsiteX58" fmla="*/ 6196092 w 6597829"/>
              <a:gd name="connsiteY58" fmla="*/ 0 h 371808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6597829" h="3718082">
                <a:moveTo>
                  <a:pt x="4742089" y="1672366"/>
                </a:moveTo>
                <a:lnTo>
                  <a:pt x="4075695" y="2338800"/>
                </a:lnTo>
                <a:cubicBezTo>
                  <a:pt x="4138912" y="2363973"/>
                  <a:pt x="4206331" y="2376820"/>
                  <a:pt x="4274361" y="2376649"/>
                </a:cubicBezTo>
                <a:cubicBezTo>
                  <a:pt x="4537550" y="2376649"/>
                  <a:pt x="4773045" y="2182877"/>
                  <a:pt x="4773045" y="1860672"/>
                </a:cubicBezTo>
                <a:lnTo>
                  <a:pt x="4773004" y="1860795"/>
                </a:lnTo>
                <a:cubicBezTo>
                  <a:pt x="4773331" y="1796696"/>
                  <a:pt x="4762890" y="1733002"/>
                  <a:pt x="4742089" y="1672366"/>
                </a:cubicBezTo>
                <a:close/>
                <a:moveTo>
                  <a:pt x="4274524" y="1344655"/>
                </a:moveTo>
                <a:cubicBezTo>
                  <a:pt x="4004239" y="1344655"/>
                  <a:pt x="3768784" y="1538467"/>
                  <a:pt x="3768784" y="1860672"/>
                </a:cubicBezTo>
                <a:lnTo>
                  <a:pt x="3768743" y="1860795"/>
                </a:lnTo>
                <a:cubicBezTo>
                  <a:pt x="3768458" y="1923926"/>
                  <a:pt x="3778613" y="1986671"/>
                  <a:pt x="3798802" y="2046491"/>
                </a:cubicBezTo>
                <a:lnTo>
                  <a:pt x="4464789" y="1380587"/>
                </a:lnTo>
                <a:cubicBezTo>
                  <a:pt x="4404181" y="1356732"/>
                  <a:pt x="4339658" y="1344541"/>
                  <a:pt x="4274524" y="1344655"/>
                </a:cubicBezTo>
                <a:close/>
                <a:moveTo>
                  <a:pt x="2620346" y="995042"/>
                </a:moveTo>
                <a:lnTo>
                  <a:pt x="3077470" y="995042"/>
                </a:lnTo>
                <a:lnTo>
                  <a:pt x="3077470" y="3028808"/>
                </a:lnTo>
                <a:cubicBezTo>
                  <a:pt x="3077470" y="3441026"/>
                  <a:pt x="2803880" y="3718082"/>
                  <a:pt x="2395251" y="3718082"/>
                </a:cubicBezTo>
                <a:cubicBezTo>
                  <a:pt x="2284436" y="3718082"/>
                  <a:pt x="2184023" y="3697118"/>
                  <a:pt x="2087035" y="3652254"/>
                </a:cubicBezTo>
                <a:lnTo>
                  <a:pt x="2190956" y="3281841"/>
                </a:lnTo>
                <a:cubicBezTo>
                  <a:pt x="2253235" y="3302641"/>
                  <a:pt x="2315556" y="3313001"/>
                  <a:pt x="2364050" y="3313001"/>
                </a:cubicBezTo>
                <a:cubicBezTo>
                  <a:pt x="2516465" y="3313001"/>
                  <a:pt x="2620346" y="3198720"/>
                  <a:pt x="2620346" y="3029053"/>
                </a:cubicBezTo>
                <a:close/>
                <a:moveTo>
                  <a:pt x="4917793" y="927542"/>
                </a:moveTo>
                <a:lnTo>
                  <a:pt x="5202394" y="1212184"/>
                </a:lnTo>
                <a:lnTo>
                  <a:pt x="5065559" y="1349264"/>
                </a:lnTo>
                <a:cubicBezTo>
                  <a:pt x="5160589" y="1491483"/>
                  <a:pt x="5216465" y="1664984"/>
                  <a:pt x="5216465" y="1860754"/>
                </a:cubicBezTo>
                <a:cubicBezTo>
                  <a:pt x="5216465" y="2404464"/>
                  <a:pt x="4786831" y="2775000"/>
                  <a:pt x="4274320" y="2775000"/>
                </a:cubicBezTo>
                <a:cubicBezTo>
                  <a:pt x="4090051" y="2775000"/>
                  <a:pt x="3917243" y="2728178"/>
                  <a:pt x="3770823" y="2643712"/>
                </a:cubicBezTo>
                <a:lnTo>
                  <a:pt x="3623995" y="2790539"/>
                </a:lnTo>
                <a:lnTo>
                  <a:pt x="3339313" y="2505979"/>
                </a:lnTo>
                <a:lnTo>
                  <a:pt x="3475659" y="2369634"/>
                </a:lnTo>
                <a:cubicBezTo>
                  <a:pt x="3380873" y="2228312"/>
                  <a:pt x="3325446" y="2055790"/>
                  <a:pt x="3325446" y="1860836"/>
                </a:cubicBezTo>
                <a:cubicBezTo>
                  <a:pt x="3325446" y="1317206"/>
                  <a:pt x="3754835" y="943163"/>
                  <a:pt x="4274279" y="943163"/>
                </a:cubicBezTo>
                <a:cubicBezTo>
                  <a:pt x="4455326" y="943163"/>
                  <a:pt x="4625891" y="990026"/>
                  <a:pt x="4770965" y="1074370"/>
                </a:cubicBezTo>
                <a:close/>
                <a:moveTo>
                  <a:pt x="470950" y="517119"/>
                </a:moveTo>
                <a:lnTo>
                  <a:pt x="470950" y="2297117"/>
                </a:lnTo>
                <a:lnTo>
                  <a:pt x="1005566" y="2297117"/>
                </a:lnTo>
                <a:cubicBezTo>
                  <a:pt x="1542262" y="2297117"/>
                  <a:pt x="1902521" y="1940449"/>
                  <a:pt x="1902521" y="1407138"/>
                </a:cubicBezTo>
                <a:cubicBezTo>
                  <a:pt x="1902521" y="873828"/>
                  <a:pt x="1542344" y="517119"/>
                  <a:pt x="1005566" y="517119"/>
                </a:cubicBezTo>
                <a:close/>
                <a:moveTo>
                  <a:pt x="0" y="91196"/>
                </a:moveTo>
                <a:lnTo>
                  <a:pt x="974324" y="91196"/>
                </a:lnTo>
                <a:cubicBezTo>
                  <a:pt x="1815852" y="91196"/>
                  <a:pt x="2376856" y="617573"/>
                  <a:pt x="2376856" y="1407138"/>
                </a:cubicBezTo>
                <a:cubicBezTo>
                  <a:pt x="2376856" y="2196704"/>
                  <a:pt x="1815852" y="2723080"/>
                  <a:pt x="974324" y="2723080"/>
                </a:cubicBezTo>
                <a:lnTo>
                  <a:pt x="0" y="2723080"/>
                </a:lnTo>
                <a:close/>
                <a:moveTo>
                  <a:pt x="6196092" y="0"/>
                </a:moveTo>
                <a:cubicBezTo>
                  <a:pt x="6306906" y="0"/>
                  <a:pt x="6407320" y="20964"/>
                  <a:pt x="6504307" y="65828"/>
                </a:cubicBezTo>
                <a:lnTo>
                  <a:pt x="6400386" y="436364"/>
                </a:lnTo>
                <a:cubicBezTo>
                  <a:pt x="6338106" y="415563"/>
                  <a:pt x="6275787" y="405163"/>
                  <a:pt x="6227293" y="405163"/>
                </a:cubicBezTo>
                <a:cubicBezTo>
                  <a:pt x="6074877" y="405163"/>
                  <a:pt x="5970996" y="519485"/>
                  <a:pt x="5970996" y="689152"/>
                </a:cubicBezTo>
                <a:lnTo>
                  <a:pt x="5970996" y="995043"/>
                </a:lnTo>
                <a:lnTo>
                  <a:pt x="6597829" y="995165"/>
                </a:lnTo>
                <a:lnTo>
                  <a:pt x="6597829" y="1369167"/>
                </a:lnTo>
                <a:lnTo>
                  <a:pt x="5970996" y="1369167"/>
                </a:lnTo>
                <a:lnTo>
                  <a:pt x="5970996" y="2723243"/>
                </a:lnTo>
                <a:lnTo>
                  <a:pt x="5513872" y="2723243"/>
                </a:lnTo>
                <a:lnTo>
                  <a:pt x="5513872" y="1369167"/>
                </a:lnTo>
                <a:lnTo>
                  <a:pt x="5255823" y="1369167"/>
                </a:lnTo>
                <a:lnTo>
                  <a:pt x="5255823" y="995165"/>
                </a:lnTo>
                <a:lnTo>
                  <a:pt x="5513872" y="995165"/>
                </a:lnTo>
                <a:lnTo>
                  <a:pt x="5513872" y="689274"/>
                </a:lnTo>
                <a:cubicBezTo>
                  <a:pt x="5513872" y="277056"/>
                  <a:pt x="5787461" y="0"/>
                  <a:pt x="6196092" y="0"/>
                </a:cubicBezTo>
                <a:close/>
              </a:path>
            </a:pathLst>
          </a:custGeom>
          <a:solidFill>
            <a:srgbClr val="FFFFFF"/>
          </a:solidFill>
        </p:spPr>
        <p:txBody>
          <a:bodyPr wrap="square"/>
          <a:lstStyle>
            <a:lvl1pPr marL="0" indent="0">
              <a:buNone/>
              <a:defRPr sz="100">
                <a:noFill/>
              </a:defRPr>
            </a:lvl1pPr>
            <a:lvl2pPr>
              <a:defRPr sz="100"/>
            </a:lvl2pPr>
            <a:lvl3pPr>
              <a:defRPr sz="100"/>
            </a:lvl3pPr>
            <a:lvl4pPr>
              <a:defRPr sz="100"/>
            </a:lvl4pPr>
            <a:lvl5pPr>
              <a:defRPr sz="100"/>
            </a:lvl5pPr>
          </a:lstStyle>
          <a:p>
            <a:pPr lvl="0"/>
            <a:r>
              <a:rPr lang="da-DK" noProof="0"/>
              <a:t>Klik for at redigere teksttypografierne i masteren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 bwMode="white">
          <a:xfrm>
            <a:off x="303750" y="637822"/>
            <a:ext cx="3561019" cy="320000"/>
          </a:xfrm>
        </p:spPr>
        <p:txBody>
          <a:bodyPr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506">
                <a:solidFill>
                  <a:schemeClr val="bg1"/>
                </a:solidFill>
              </a:defRPr>
            </a:lvl1pPr>
            <a:lvl2pPr marL="0" indent="0" algn="l">
              <a:buFont typeface="Arial" panose="020B0604020202020204" pitchFamily="34" charset="0"/>
              <a:buChar char="​"/>
              <a:defRPr sz="1125"/>
            </a:lvl2pPr>
            <a:lvl3pPr marL="0" indent="0" algn="l">
              <a:buFont typeface="Arial" panose="020B0604020202020204" pitchFamily="34" charset="0"/>
              <a:buChar char="​"/>
              <a:defRPr sz="1125"/>
            </a:lvl3pPr>
            <a:lvl4pPr marL="0" indent="0" algn="l">
              <a:buFont typeface="Arial" panose="020B0604020202020204" pitchFamily="34" charset="0"/>
              <a:buChar char="​"/>
              <a:defRPr sz="1125"/>
            </a:lvl4pPr>
            <a:lvl5pPr marL="0" indent="0" algn="l">
              <a:buFont typeface="Arial" panose="020B0604020202020204" pitchFamily="34" charset="0"/>
              <a:buChar char="​"/>
              <a:defRPr sz="1125"/>
            </a:lvl5pPr>
            <a:lvl6pPr marL="0" indent="0" algn="l">
              <a:buFont typeface="Arial" panose="020B0604020202020204" pitchFamily="34" charset="0"/>
              <a:buChar char="​"/>
              <a:defRPr sz="1125"/>
            </a:lvl6pPr>
            <a:lvl7pPr marL="0" indent="0" algn="l">
              <a:buFont typeface="Arial" panose="020B0604020202020204" pitchFamily="34" charset="0"/>
              <a:buChar char="​"/>
              <a:defRPr sz="1125"/>
            </a:lvl7pPr>
            <a:lvl8pPr marL="0" indent="0" algn="l">
              <a:buFont typeface="Arial" panose="020B0604020202020204" pitchFamily="34" charset="0"/>
              <a:buChar char="​"/>
              <a:defRPr sz="1125"/>
            </a:lvl8pPr>
            <a:lvl9pPr marL="0" indent="0" algn="l">
              <a:buFont typeface="Arial" panose="020B0604020202020204" pitchFamily="34" charset="0"/>
              <a:buChar char="​"/>
              <a:defRPr sz="1125"/>
            </a:lvl9pPr>
          </a:lstStyle>
          <a:p>
            <a:r>
              <a:rPr lang="da-DK"/>
              <a:t>Klik for at redigere undertiteltypografien i masteren</a:t>
            </a:r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 bwMode="white">
          <a:xfrm>
            <a:off x="303610" y="3812823"/>
            <a:ext cx="3561161" cy="4442677"/>
          </a:xfrm>
        </p:spPr>
        <p:txBody>
          <a:bodyPr anchor="ctr"/>
          <a:lstStyle>
            <a:lvl1pPr algn="l">
              <a:defRPr sz="3038"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12" name="Pladsholder til tekst 11"/>
          <p:cNvSpPr>
            <a:spLocks noGrp="1"/>
          </p:cNvSpPr>
          <p:nvPr>
            <p:ph type="body" sz="quarter" idx="21"/>
          </p:nvPr>
        </p:nvSpPr>
        <p:spPr>
          <a:xfrm>
            <a:off x="4301559" y="6124800"/>
            <a:ext cx="1279324" cy="4039214"/>
          </a:xfrm>
          <a:custGeom>
            <a:avLst/>
            <a:gdLst>
              <a:gd name="connsiteX0" fmla="*/ 2270548 w 2274354"/>
              <a:gd name="connsiteY0" fmla="*/ 0 h 2272058"/>
              <a:gd name="connsiteX1" fmla="*/ 2274354 w 2274354"/>
              <a:gd name="connsiteY1" fmla="*/ 0 h 2272058"/>
              <a:gd name="connsiteX2" fmla="*/ 2274354 w 2274354"/>
              <a:gd name="connsiteY2" fmla="*/ 2272058 h 2272058"/>
              <a:gd name="connsiteX3" fmla="*/ 0 w 2274354"/>
              <a:gd name="connsiteY3" fmla="*/ 2272058 h 2272058"/>
              <a:gd name="connsiteX4" fmla="*/ 0 w 2274354"/>
              <a:gd name="connsiteY4" fmla="*/ 2270548 h 227205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2274354" h="2272058">
                <a:moveTo>
                  <a:pt x="2270548" y="0"/>
                </a:moveTo>
                <a:lnTo>
                  <a:pt x="2274354" y="0"/>
                </a:lnTo>
                <a:lnTo>
                  <a:pt x="2274354" y="2272058"/>
                </a:lnTo>
                <a:lnTo>
                  <a:pt x="0" y="2272058"/>
                </a:lnTo>
                <a:lnTo>
                  <a:pt x="0" y="2270548"/>
                </a:lnTo>
                <a:close/>
              </a:path>
            </a:pathLst>
          </a:custGeom>
          <a:solidFill>
            <a:schemeClr val="accent1"/>
          </a:solidFill>
        </p:spPr>
        <p:txBody>
          <a:bodyPr wrap="square"/>
          <a:lstStyle>
            <a:lvl1pPr>
              <a:defRPr>
                <a:noFill/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6" name="Date Placeholder 4">
            <a:extLst>
              <a:ext uri="{FF2B5EF4-FFF2-40B4-BE49-F238E27FC236}">
                <a16:creationId xmlns:a16="http://schemas.microsoft.com/office/drawing/2014/main" id="{172E57D9-517B-0694-CDE0-21124B2C2258}"/>
              </a:ext>
            </a:extLst>
          </p:cNvPr>
          <p:cNvSpPr>
            <a:spLocks noGrp="1"/>
          </p:cNvSpPr>
          <p:nvPr>
            <p:ph type="dt" sz="half" idx="22"/>
          </p:nvPr>
        </p:nvSpPr>
        <p:spPr bwMode="white">
          <a:xfrm>
            <a:off x="303213" y="11231563"/>
            <a:ext cx="873125" cy="319087"/>
          </a:xfrm>
        </p:spPr>
        <p:txBody>
          <a:bodyPr anchor="b"/>
          <a:lstStyle>
            <a:lvl1pPr>
              <a:defRPr sz="506" smtClean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5A99143-2723-48A8-A1C3-B137AB70D243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7" name="Footer Placeholder 5">
            <a:extLst>
              <a:ext uri="{FF2B5EF4-FFF2-40B4-BE49-F238E27FC236}">
                <a16:creationId xmlns:a16="http://schemas.microsoft.com/office/drawing/2014/main" id="{BF9B8A7C-2114-9455-69FE-4CD70AACB2B0}"/>
              </a:ext>
            </a:extLst>
          </p:cNvPr>
          <p:cNvSpPr>
            <a:spLocks noGrp="1"/>
          </p:cNvSpPr>
          <p:nvPr>
            <p:ph type="ftr" sz="quarter" idx="23"/>
          </p:nvPr>
        </p:nvSpPr>
        <p:spPr bwMode="white">
          <a:xfrm>
            <a:off x="1379538" y="11231563"/>
            <a:ext cx="2486025" cy="319087"/>
          </a:xfrm>
        </p:spPr>
        <p:txBody>
          <a:bodyPr anchor="b"/>
          <a:lstStyle>
            <a:lvl1pPr>
              <a:defRPr sz="506" dirty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8" name="Slide Number Placeholder 14" hidden="1">
            <a:extLst>
              <a:ext uri="{FF2B5EF4-FFF2-40B4-BE49-F238E27FC236}">
                <a16:creationId xmlns:a16="http://schemas.microsoft.com/office/drawing/2014/main" id="{3A442322-5542-F768-EB78-475ECE0C9C23}"/>
              </a:ext>
            </a:extLst>
          </p:cNvPr>
          <p:cNvSpPr>
            <a:spLocks noGrp="1"/>
          </p:cNvSpPr>
          <p:nvPr>
            <p:ph type="sldNum" sz="quarter" idx="24"/>
          </p:nvPr>
        </p:nvSpPr>
        <p:spPr>
          <a:xfrm>
            <a:off x="0" y="12192000"/>
            <a:ext cx="0" cy="0"/>
          </a:xfrm>
        </p:spPr>
        <p:txBody>
          <a:bodyPr/>
          <a:lstStyle>
            <a:lvl1pPr>
              <a:defRPr smtClean="0">
                <a:noFill/>
              </a:defRPr>
            </a:lvl1pPr>
          </a:lstStyle>
          <a:p>
            <a:pPr>
              <a:defRPr/>
            </a:pPr>
            <a:fld id="{634F23DB-9D85-4ADB-916C-E6F9BC7ED454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4354912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mph" presetSubtype="1" repeatCount="indefinite" autoRev="1" grpId="0" nodeType="with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5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6" dur="indefinite"/>
                                        <p:tgtEl>
                                          <p:spTgt spid="4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p:clrVal>
                                          <a:schemeClr val="bg1"/>
                                        </p:clrVal>
                                      </p:to>
                                    </p:set>
                                    <p:set>
                                      <p:cBhvr>
                                        <p:cTn id="7" dur="indefinite"/>
                                        <p:tgtEl>
                                          <p:spTgt spid="4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8" dur="indefinite"/>
                                        <p:tgtEl>
                                          <p:spTgt spid="4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animBg="1"/>
    </p:bldLst>
  </p:timing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B1BDA871-0E9F-5832-D546-69664D537FB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55974E2C-C948-4810-BD4D-618C412E79D7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3" name="Footer Placeholder 7">
            <a:extLst>
              <a:ext uri="{FF2B5EF4-FFF2-40B4-BE49-F238E27FC236}">
                <a16:creationId xmlns:a16="http://schemas.microsoft.com/office/drawing/2014/main" id="{55EEF360-1EE3-38E5-6840-8A05316F5CF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4" name="Slide Number Placeholder 8">
            <a:extLst>
              <a:ext uri="{FF2B5EF4-FFF2-40B4-BE49-F238E27FC236}">
                <a16:creationId xmlns:a16="http://schemas.microsoft.com/office/drawing/2014/main" id="{1149B323-27B8-79A3-C7E3-BF0F465D431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D6F6B08A-2B8B-4B58-A810-ACA493D1E284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67091855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Kontakt (fire)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ggrund">
            <a:extLst>
              <a:ext uri="{FF2B5EF4-FFF2-40B4-BE49-F238E27FC236}">
                <a16:creationId xmlns:a16="http://schemas.microsoft.com/office/drawing/2014/main" id="{E167DFD3-2880-1B6C-0A15-93631E856AA4}"/>
              </a:ext>
            </a:extLst>
          </p:cNvPr>
          <p:cNvSpPr/>
          <p:nvPr/>
        </p:nvSpPr>
        <p:spPr bwMode="ltGray">
          <a:xfrm>
            <a:off x="0" y="0"/>
            <a:ext cx="6858000" cy="12192000"/>
          </a:xfrm>
          <a:custGeom>
            <a:avLst/>
            <a:gdLst>
              <a:gd name="connsiteX0" fmla="*/ 0 w 10572750"/>
              <a:gd name="connsiteY0" fmla="*/ 0 h 10287000"/>
              <a:gd name="connsiteX1" fmla="*/ 10572750 w 10572750"/>
              <a:gd name="connsiteY1" fmla="*/ 0 h 10287000"/>
              <a:gd name="connsiteX2" fmla="*/ 10572750 w 10572750"/>
              <a:gd name="connsiteY2" fmla="*/ 10287000 h 10287000"/>
              <a:gd name="connsiteX3" fmla="*/ 0 w 10572750"/>
              <a:gd name="connsiteY3" fmla="*/ 10287000 h 10287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572750" h="10287000">
                <a:moveTo>
                  <a:pt x="0" y="0"/>
                </a:moveTo>
                <a:lnTo>
                  <a:pt x="10572750" y="0"/>
                </a:lnTo>
                <a:lnTo>
                  <a:pt x="10572750" y="10287000"/>
                </a:lnTo>
                <a:lnTo>
                  <a:pt x="0" y="10287000"/>
                </a:lnTo>
                <a:close/>
              </a:path>
            </a:pathLst>
          </a:custGeom>
          <a:solidFill>
            <a:schemeClr val="accent1"/>
          </a:solidFill>
          <a:ln w="9525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sp>
        <p:nvSpPr>
          <p:cNvPr id="3" name="Logo">
            <a:extLst>
              <a:ext uri="{FF2B5EF4-FFF2-40B4-BE49-F238E27FC236}">
                <a16:creationId xmlns:a16="http://schemas.microsoft.com/office/drawing/2014/main" id="{5633D13F-27DD-4DF5-C495-1D0E77CC3C22}"/>
              </a:ext>
            </a:extLst>
          </p:cNvPr>
          <p:cNvSpPr/>
          <p:nvPr userDrawn="1"/>
        </p:nvSpPr>
        <p:spPr bwMode="white">
          <a:xfrm>
            <a:off x="6197600" y="639763"/>
            <a:ext cx="355600" cy="635000"/>
          </a:xfrm>
          <a:custGeom>
            <a:avLst/>
            <a:gdLst>
              <a:gd name="connsiteX0" fmla="*/ 3991223 w 5553123"/>
              <a:gd name="connsiteY0" fmla="*/ 1407246 h 3128654"/>
              <a:gd name="connsiteX1" fmla="*/ 3430346 w 5553123"/>
              <a:gd name="connsiteY1" fmla="*/ 1968030 h 3128654"/>
              <a:gd name="connsiteX2" fmla="*/ 3597555 w 5553123"/>
              <a:gd name="connsiteY2" fmla="*/ 1999879 h 3128654"/>
              <a:gd name="connsiteX3" fmla="*/ 4017277 w 5553123"/>
              <a:gd name="connsiteY3" fmla="*/ 1565700 h 3128654"/>
              <a:gd name="connsiteX4" fmla="*/ 4017243 w 5553123"/>
              <a:gd name="connsiteY4" fmla="*/ 1565803 h 3128654"/>
              <a:gd name="connsiteX5" fmla="*/ 3991223 w 5553123"/>
              <a:gd name="connsiteY5" fmla="*/ 1407246 h 3128654"/>
              <a:gd name="connsiteX6" fmla="*/ 3597692 w 5553123"/>
              <a:gd name="connsiteY6" fmla="*/ 1131487 h 3128654"/>
              <a:gd name="connsiteX7" fmla="*/ 3172031 w 5553123"/>
              <a:gd name="connsiteY7" fmla="*/ 1565700 h 3128654"/>
              <a:gd name="connsiteX8" fmla="*/ 3171997 w 5553123"/>
              <a:gd name="connsiteY8" fmla="*/ 1565803 h 3128654"/>
              <a:gd name="connsiteX9" fmla="*/ 3197296 w 5553123"/>
              <a:gd name="connsiteY9" fmla="*/ 1722061 h 3128654"/>
              <a:gd name="connsiteX10" fmla="*/ 3757830 w 5553123"/>
              <a:gd name="connsiteY10" fmla="*/ 1161723 h 3128654"/>
              <a:gd name="connsiteX11" fmla="*/ 3597692 w 5553123"/>
              <a:gd name="connsiteY11" fmla="*/ 1131487 h 3128654"/>
              <a:gd name="connsiteX12" fmla="*/ 2205438 w 5553123"/>
              <a:gd name="connsiteY12" fmla="*/ 837298 h 3128654"/>
              <a:gd name="connsiteX13" fmla="*/ 2590180 w 5553123"/>
              <a:gd name="connsiteY13" fmla="*/ 837298 h 3128654"/>
              <a:gd name="connsiteX14" fmla="*/ 2590180 w 5553123"/>
              <a:gd name="connsiteY14" fmla="*/ 2548651 h 3128654"/>
              <a:gd name="connsiteX15" fmla="*/ 2015984 w 5553123"/>
              <a:gd name="connsiteY15" fmla="*/ 3128654 h 3128654"/>
              <a:gd name="connsiteX16" fmla="*/ 1756572 w 5553123"/>
              <a:gd name="connsiteY16" fmla="*/ 3073262 h 3128654"/>
              <a:gd name="connsiteX17" fmla="*/ 1844038 w 5553123"/>
              <a:gd name="connsiteY17" fmla="*/ 2761571 h 3128654"/>
              <a:gd name="connsiteX18" fmla="*/ 1989724 w 5553123"/>
              <a:gd name="connsiteY18" fmla="*/ 2787791 h 3128654"/>
              <a:gd name="connsiteX19" fmla="*/ 2205438 w 5553123"/>
              <a:gd name="connsiteY19" fmla="*/ 2548857 h 3128654"/>
              <a:gd name="connsiteX20" fmla="*/ 4139105 w 5553123"/>
              <a:gd name="connsiteY20" fmla="*/ 780499 h 3128654"/>
              <a:gd name="connsiteX21" fmla="*/ 4378642 w 5553123"/>
              <a:gd name="connsiteY21" fmla="*/ 1020017 h 3128654"/>
              <a:gd name="connsiteX22" fmla="*/ 4263474 w 5553123"/>
              <a:gd name="connsiteY22" fmla="*/ 1135365 h 3128654"/>
              <a:gd name="connsiteX23" fmla="*/ 4390485 w 5553123"/>
              <a:gd name="connsiteY23" fmla="*/ 1565769 h 3128654"/>
              <a:gd name="connsiteX24" fmla="*/ 3597520 w 5553123"/>
              <a:gd name="connsiteY24" fmla="*/ 2335080 h 3128654"/>
              <a:gd name="connsiteX25" fmla="*/ 3173748 w 5553123"/>
              <a:gd name="connsiteY25" fmla="*/ 2224604 h 3128654"/>
              <a:gd name="connsiteX26" fmla="*/ 3050169 w 5553123"/>
              <a:gd name="connsiteY26" fmla="*/ 2348155 h 3128654"/>
              <a:gd name="connsiteX27" fmla="*/ 2810563 w 5553123"/>
              <a:gd name="connsiteY27" fmla="*/ 2108707 h 3128654"/>
              <a:gd name="connsiteX28" fmla="*/ 2925320 w 5553123"/>
              <a:gd name="connsiteY28" fmla="*/ 1993976 h 3128654"/>
              <a:gd name="connsiteX29" fmla="*/ 2798892 w 5553123"/>
              <a:gd name="connsiteY29" fmla="*/ 1565838 h 3128654"/>
              <a:gd name="connsiteX30" fmla="*/ 3597486 w 5553123"/>
              <a:gd name="connsiteY30" fmla="*/ 793644 h 3128654"/>
              <a:gd name="connsiteX31" fmla="*/ 4015526 w 5553123"/>
              <a:gd name="connsiteY31" fmla="*/ 904050 h 3128654"/>
              <a:gd name="connsiteX32" fmla="*/ 396379 w 5553123"/>
              <a:gd name="connsiteY32" fmla="*/ 435140 h 3128654"/>
              <a:gd name="connsiteX33" fmla="*/ 396379 w 5553123"/>
              <a:gd name="connsiteY33" fmla="*/ 1932956 h 3128654"/>
              <a:gd name="connsiteX34" fmla="*/ 846344 w 5553123"/>
              <a:gd name="connsiteY34" fmla="*/ 1932956 h 3128654"/>
              <a:gd name="connsiteX35" fmla="*/ 1601274 w 5553123"/>
              <a:gd name="connsiteY35" fmla="*/ 1184065 h 3128654"/>
              <a:gd name="connsiteX36" fmla="*/ 846344 w 5553123"/>
              <a:gd name="connsiteY36" fmla="*/ 435140 h 3128654"/>
              <a:gd name="connsiteX37" fmla="*/ 0 w 5553123"/>
              <a:gd name="connsiteY37" fmla="*/ 76739 h 3128654"/>
              <a:gd name="connsiteX38" fmla="*/ 820049 w 5553123"/>
              <a:gd name="connsiteY38" fmla="*/ 76739 h 3128654"/>
              <a:gd name="connsiteX39" fmla="*/ 2000502 w 5553123"/>
              <a:gd name="connsiteY39" fmla="*/ 1184065 h 3128654"/>
              <a:gd name="connsiteX40" fmla="*/ 820049 w 5553123"/>
              <a:gd name="connsiteY40" fmla="*/ 2291391 h 3128654"/>
              <a:gd name="connsiteX41" fmla="*/ 0 w 5553123"/>
              <a:gd name="connsiteY41" fmla="*/ 2291391 h 3128654"/>
              <a:gd name="connsiteX42" fmla="*/ 5214998 w 5553123"/>
              <a:gd name="connsiteY42" fmla="*/ 0 h 3128654"/>
              <a:gd name="connsiteX43" fmla="*/ 5474410 w 5553123"/>
              <a:gd name="connsiteY43" fmla="*/ 55393 h 3128654"/>
              <a:gd name="connsiteX44" fmla="*/ 5386944 w 5553123"/>
              <a:gd name="connsiteY44" fmla="*/ 367187 h 3128654"/>
              <a:gd name="connsiteX45" fmla="*/ 5241258 w 5553123"/>
              <a:gd name="connsiteY45" fmla="*/ 340932 h 3128654"/>
              <a:gd name="connsiteX46" fmla="*/ 5025544 w 5553123"/>
              <a:gd name="connsiteY46" fmla="*/ 579901 h 3128654"/>
              <a:gd name="connsiteX47" fmla="*/ 5025544 w 5553123"/>
              <a:gd name="connsiteY47" fmla="*/ 837299 h 3128654"/>
              <a:gd name="connsiteX48" fmla="*/ 5553123 w 5553123"/>
              <a:gd name="connsiteY48" fmla="*/ 837402 h 3128654"/>
              <a:gd name="connsiteX49" fmla="*/ 5553123 w 5553123"/>
              <a:gd name="connsiteY49" fmla="*/ 1152113 h 3128654"/>
              <a:gd name="connsiteX50" fmla="*/ 5025544 w 5553123"/>
              <a:gd name="connsiteY50" fmla="*/ 1152113 h 3128654"/>
              <a:gd name="connsiteX51" fmla="*/ 5025544 w 5553123"/>
              <a:gd name="connsiteY51" fmla="*/ 2291528 h 3128654"/>
              <a:gd name="connsiteX52" fmla="*/ 4640802 w 5553123"/>
              <a:gd name="connsiteY52" fmla="*/ 2291528 h 3128654"/>
              <a:gd name="connsiteX53" fmla="*/ 4640802 w 5553123"/>
              <a:gd name="connsiteY53" fmla="*/ 1152113 h 3128654"/>
              <a:gd name="connsiteX54" fmla="*/ 4423612 w 5553123"/>
              <a:gd name="connsiteY54" fmla="*/ 1152113 h 3128654"/>
              <a:gd name="connsiteX55" fmla="*/ 4423612 w 5553123"/>
              <a:gd name="connsiteY55" fmla="*/ 837402 h 3128654"/>
              <a:gd name="connsiteX56" fmla="*/ 4640802 w 5553123"/>
              <a:gd name="connsiteY56" fmla="*/ 837402 h 3128654"/>
              <a:gd name="connsiteX57" fmla="*/ 4640802 w 5553123"/>
              <a:gd name="connsiteY57" fmla="*/ 580004 h 3128654"/>
              <a:gd name="connsiteX58" fmla="*/ 5214998 w 5553123"/>
              <a:gd name="connsiteY58" fmla="*/ 0 h 31286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5553123" h="3128654">
                <a:moveTo>
                  <a:pt x="3991223" y="1407246"/>
                </a:moveTo>
                <a:lnTo>
                  <a:pt x="3430346" y="1968030"/>
                </a:lnTo>
                <a:cubicBezTo>
                  <a:pt x="3483553" y="1989213"/>
                  <a:pt x="3540297" y="2000023"/>
                  <a:pt x="3597555" y="1999879"/>
                </a:cubicBezTo>
                <a:cubicBezTo>
                  <a:pt x="3819070" y="1999879"/>
                  <a:pt x="4017277" y="1836826"/>
                  <a:pt x="4017277" y="1565700"/>
                </a:cubicBezTo>
                <a:lnTo>
                  <a:pt x="4017243" y="1565803"/>
                </a:lnTo>
                <a:cubicBezTo>
                  <a:pt x="4017518" y="1511866"/>
                  <a:pt x="4008729" y="1458269"/>
                  <a:pt x="3991223" y="1407246"/>
                </a:cubicBezTo>
                <a:close/>
                <a:moveTo>
                  <a:pt x="3597692" y="1131487"/>
                </a:moveTo>
                <a:cubicBezTo>
                  <a:pt x="3370204" y="1131487"/>
                  <a:pt x="3172031" y="1294574"/>
                  <a:pt x="3172031" y="1565700"/>
                </a:cubicBezTo>
                <a:lnTo>
                  <a:pt x="3171997" y="1565803"/>
                </a:lnTo>
                <a:cubicBezTo>
                  <a:pt x="3171757" y="1618927"/>
                  <a:pt x="3180304" y="1671724"/>
                  <a:pt x="3197296" y="1722061"/>
                </a:cubicBezTo>
                <a:lnTo>
                  <a:pt x="3757830" y="1161723"/>
                </a:lnTo>
                <a:cubicBezTo>
                  <a:pt x="3706819" y="1141649"/>
                  <a:pt x="3652513" y="1131391"/>
                  <a:pt x="3597692" y="1131487"/>
                </a:cubicBezTo>
                <a:close/>
                <a:moveTo>
                  <a:pt x="2205438" y="837298"/>
                </a:moveTo>
                <a:lnTo>
                  <a:pt x="2590180" y="837298"/>
                </a:lnTo>
                <a:lnTo>
                  <a:pt x="2590180" y="2548651"/>
                </a:lnTo>
                <a:cubicBezTo>
                  <a:pt x="2590180" y="2895520"/>
                  <a:pt x="2359911" y="3128654"/>
                  <a:pt x="2015984" y="3128654"/>
                </a:cubicBezTo>
                <a:cubicBezTo>
                  <a:pt x="1922717" y="3128654"/>
                  <a:pt x="1838202" y="3111014"/>
                  <a:pt x="1756572" y="3073262"/>
                </a:cubicBezTo>
                <a:lnTo>
                  <a:pt x="1844038" y="2761571"/>
                </a:lnTo>
                <a:cubicBezTo>
                  <a:pt x="1896456" y="2779074"/>
                  <a:pt x="1948909" y="2787791"/>
                  <a:pt x="1989724" y="2787791"/>
                </a:cubicBezTo>
                <a:cubicBezTo>
                  <a:pt x="2118006" y="2787791"/>
                  <a:pt x="2205438" y="2691627"/>
                  <a:pt x="2205438" y="2548857"/>
                </a:cubicBezTo>
                <a:close/>
                <a:moveTo>
                  <a:pt x="4139105" y="780499"/>
                </a:moveTo>
                <a:lnTo>
                  <a:pt x="4378642" y="1020017"/>
                </a:lnTo>
                <a:lnTo>
                  <a:pt x="4263474" y="1135365"/>
                </a:lnTo>
                <a:cubicBezTo>
                  <a:pt x="4343457" y="1255038"/>
                  <a:pt x="4390485" y="1401034"/>
                  <a:pt x="4390485" y="1565769"/>
                </a:cubicBezTo>
                <a:cubicBezTo>
                  <a:pt x="4390485" y="2023285"/>
                  <a:pt x="4028880" y="2335080"/>
                  <a:pt x="3597520" y="2335080"/>
                </a:cubicBezTo>
                <a:cubicBezTo>
                  <a:pt x="3442429" y="2335080"/>
                  <a:pt x="3296983" y="2295681"/>
                  <a:pt x="3173748" y="2224604"/>
                </a:cubicBezTo>
                <a:lnTo>
                  <a:pt x="3050169" y="2348155"/>
                </a:lnTo>
                <a:lnTo>
                  <a:pt x="2810563" y="2108707"/>
                </a:lnTo>
                <a:lnTo>
                  <a:pt x="2925320" y="1993976"/>
                </a:lnTo>
                <a:cubicBezTo>
                  <a:pt x="2845543" y="1875058"/>
                  <a:pt x="2798892" y="1729886"/>
                  <a:pt x="2798892" y="1565838"/>
                </a:cubicBezTo>
                <a:cubicBezTo>
                  <a:pt x="2798892" y="1108390"/>
                  <a:pt x="3160291" y="793644"/>
                  <a:pt x="3597486" y="793644"/>
                </a:cubicBezTo>
                <a:cubicBezTo>
                  <a:pt x="3749866" y="793644"/>
                  <a:pt x="3893424" y="833077"/>
                  <a:pt x="4015526" y="904050"/>
                </a:cubicBezTo>
                <a:close/>
                <a:moveTo>
                  <a:pt x="396379" y="435140"/>
                </a:moveTo>
                <a:lnTo>
                  <a:pt x="396379" y="1932956"/>
                </a:lnTo>
                <a:lnTo>
                  <a:pt x="846344" y="1932956"/>
                </a:lnTo>
                <a:cubicBezTo>
                  <a:pt x="1298059" y="1932956"/>
                  <a:pt x="1601274" y="1632830"/>
                  <a:pt x="1601274" y="1184065"/>
                </a:cubicBezTo>
                <a:cubicBezTo>
                  <a:pt x="1601274" y="735300"/>
                  <a:pt x="1298128" y="435140"/>
                  <a:pt x="846344" y="435140"/>
                </a:cubicBezTo>
                <a:close/>
                <a:moveTo>
                  <a:pt x="0" y="76739"/>
                </a:moveTo>
                <a:lnTo>
                  <a:pt x="820049" y="76739"/>
                </a:lnTo>
                <a:cubicBezTo>
                  <a:pt x="1528328" y="76739"/>
                  <a:pt x="2000502" y="519670"/>
                  <a:pt x="2000502" y="1184065"/>
                </a:cubicBezTo>
                <a:cubicBezTo>
                  <a:pt x="2000502" y="1848460"/>
                  <a:pt x="1528328" y="2291391"/>
                  <a:pt x="820049" y="2291391"/>
                </a:cubicBezTo>
                <a:lnTo>
                  <a:pt x="0" y="2291391"/>
                </a:lnTo>
                <a:close/>
                <a:moveTo>
                  <a:pt x="5214998" y="0"/>
                </a:moveTo>
                <a:cubicBezTo>
                  <a:pt x="5308265" y="0"/>
                  <a:pt x="5392780" y="17641"/>
                  <a:pt x="5474410" y="55393"/>
                </a:cubicBezTo>
                <a:lnTo>
                  <a:pt x="5386944" y="367187"/>
                </a:lnTo>
                <a:cubicBezTo>
                  <a:pt x="5334526" y="349684"/>
                  <a:pt x="5282074" y="340932"/>
                  <a:pt x="5241258" y="340932"/>
                </a:cubicBezTo>
                <a:cubicBezTo>
                  <a:pt x="5112976" y="340932"/>
                  <a:pt x="5025544" y="437131"/>
                  <a:pt x="5025544" y="579901"/>
                </a:cubicBezTo>
                <a:lnTo>
                  <a:pt x="5025544" y="837299"/>
                </a:lnTo>
                <a:lnTo>
                  <a:pt x="5553123" y="837402"/>
                </a:lnTo>
                <a:lnTo>
                  <a:pt x="5553123" y="1152113"/>
                </a:lnTo>
                <a:lnTo>
                  <a:pt x="5025544" y="1152113"/>
                </a:lnTo>
                <a:lnTo>
                  <a:pt x="5025544" y="2291528"/>
                </a:lnTo>
                <a:lnTo>
                  <a:pt x="4640802" y="2291528"/>
                </a:lnTo>
                <a:lnTo>
                  <a:pt x="4640802" y="1152113"/>
                </a:lnTo>
                <a:lnTo>
                  <a:pt x="4423612" y="1152113"/>
                </a:lnTo>
                <a:lnTo>
                  <a:pt x="4423612" y="837402"/>
                </a:lnTo>
                <a:lnTo>
                  <a:pt x="4640802" y="837402"/>
                </a:lnTo>
                <a:lnTo>
                  <a:pt x="4640802" y="580004"/>
                </a:lnTo>
                <a:cubicBezTo>
                  <a:pt x="4640802" y="233134"/>
                  <a:pt x="4871070" y="0"/>
                  <a:pt x="5214998" y="0"/>
                </a:cubicBezTo>
                <a:close/>
              </a:path>
            </a:pathLst>
          </a:custGeom>
          <a:solidFill>
            <a:srgbClr val="FFFFFF"/>
          </a:solidFill>
          <a:ln w="3432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sp>
        <p:nvSpPr>
          <p:cNvPr id="17" name="Text Placeholder 16"/>
          <p:cNvSpPr>
            <a:spLocks noGrp="1"/>
          </p:cNvSpPr>
          <p:nvPr>
            <p:ph type="body" sz="quarter" idx="13"/>
          </p:nvPr>
        </p:nvSpPr>
        <p:spPr bwMode="white">
          <a:xfrm>
            <a:off x="303750" y="7142400"/>
            <a:ext cx="1410750" cy="448000"/>
          </a:xfrm>
        </p:spPr>
        <p:txBody>
          <a:bodyPr anchor="b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1" name="Text Placeholder 16"/>
          <p:cNvSpPr>
            <a:spLocks noGrp="1"/>
          </p:cNvSpPr>
          <p:nvPr>
            <p:ph type="body" sz="quarter" idx="14"/>
          </p:nvPr>
        </p:nvSpPr>
        <p:spPr bwMode="white">
          <a:xfrm>
            <a:off x="303750" y="7587111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2" name="Text Placeholder 16"/>
          <p:cNvSpPr>
            <a:spLocks noGrp="1"/>
          </p:cNvSpPr>
          <p:nvPr>
            <p:ph type="body" sz="quarter" idx="15"/>
          </p:nvPr>
        </p:nvSpPr>
        <p:spPr bwMode="white">
          <a:xfrm>
            <a:off x="303750" y="8128000"/>
            <a:ext cx="1410750" cy="448000"/>
          </a:xfrm>
        </p:spPr>
        <p:txBody>
          <a:bodyPr anchor="b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3" name="Text Placeholder 16"/>
          <p:cNvSpPr>
            <a:spLocks noGrp="1"/>
          </p:cNvSpPr>
          <p:nvPr>
            <p:ph type="body" sz="quarter" idx="16"/>
          </p:nvPr>
        </p:nvSpPr>
        <p:spPr bwMode="white">
          <a:xfrm>
            <a:off x="303750" y="8576092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4" name="Text Placeholder 16"/>
          <p:cNvSpPr>
            <a:spLocks noGrp="1"/>
          </p:cNvSpPr>
          <p:nvPr>
            <p:ph type="body" sz="quarter" idx="17"/>
          </p:nvPr>
        </p:nvSpPr>
        <p:spPr bwMode="white">
          <a:xfrm>
            <a:off x="303750" y="9219689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12" name="Pladsholder til billede 11"/>
          <p:cNvSpPr>
            <a:spLocks noGrp="1"/>
          </p:cNvSpPr>
          <p:nvPr>
            <p:ph type="pic" sz="quarter" idx="18"/>
          </p:nvPr>
        </p:nvSpPr>
        <p:spPr>
          <a:xfrm>
            <a:off x="303610" y="3812823"/>
            <a:ext cx="972000" cy="3072000"/>
          </a:xfrm>
          <a:prstGeom prst="ellipse">
            <a:avLst/>
          </a:prstGeom>
          <a:noFill/>
        </p:spPr>
        <p:txBody>
          <a:bodyPr/>
          <a:lstStyle>
            <a:lvl1pPr marL="0" indent="0">
              <a:buNone/>
              <a:defRPr sz="563">
                <a:solidFill>
                  <a:schemeClr val="tx1"/>
                </a:solidFill>
              </a:defRPr>
            </a:lvl1pPr>
          </a:lstStyle>
          <a:p>
            <a:pPr lvl="0"/>
            <a:r>
              <a:rPr lang="da-DK" noProof="0"/>
              <a:t>Klik på ikonet for at tilføje et billede</a:t>
            </a:r>
            <a:endParaRPr lang="da-DK" noProof="0" dirty="0"/>
          </a:p>
        </p:txBody>
      </p:sp>
      <p:sp>
        <p:nvSpPr>
          <p:cNvPr id="13" name="Pladsholder til billede 11"/>
          <p:cNvSpPr>
            <a:spLocks noGrp="1"/>
          </p:cNvSpPr>
          <p:nvPr>
            <p:ph type="pic" sz="quarter" idx="19"/>
          </p:nvPr>
        </p:nvSpPr>
        <p:spPr>
          <a:xfrm>
            <a:off x="1916907" y="3812823"/>
            <a:ext cx="972000" cy="3072000"/>
          </a:xfrm>
          <a:prstGeom prst="ellipse">
            <a:avLst/>
          </a:prstGeom>
          <a:noFill/>
        </p:spPr>
        <p:txBody>
          <a:bodyPr/>
          <a:lstStyle>
            <a:lvl1pPr marL="0" indent="0">
              <a:buNone/>
              <a:defRPr sz="563">
                <a:solidFill>
                  <a:schemeClr val="tx1"/>
                </a:solidFill>
              </a:defRPr>
            </a:lvl1pPr>
          </a:lstStyle>
          <a:p>
            <a:pPr lvl="0"/>
            <a:r>
              <a:rPr lang="da-DK" noProof="0"/>
              <a:t>Klik på ikonet for at tilføje et billede</a:t>
            </a:r>
            <a:endParaRPr lang="da-DK" noProof="0" dirty="0"/>
          </a:p>
        </p:txBody>
      </p:sp>
      <p:sp>
        <p:nvSpPr>
          <p:cNvPr id="14" name="Pladsholder til billede 11"/>
          <p:cNvSpPr>
            <a:spLocks noGrp="1"/>
          </p:cNvSpPr>
          <p:nvPr>
            <p:ph type="pic" sz="quarter" idx="20"/>
          </p:nvPr>
        </p:nvSpPr>
        <p:spPr>
          <a:xfrm>
            <a:off x="3530203" y="3812823"/>
            <a:ext cx="972000" cy="3072000"/>
          </a:xfrm>
          <a:prstGeom prst="ellipse">
            <a:avLst/>
          </a:prstGeom>
          <a:noFill/>
        </p:spPr>
        <p:txBody>
          <a:bodyPr/>
          <a:lstStyle>
            <a:lvl1pPr marL="0" indent="0">
              <a:buNone/>
              <a:defRPr sz="563">
                <a:solidFill>
                  <a:schemeClr val="tx1"/>
                </a:solidFill>
              </a:defRPr>
            </a:lvl1pPr>
          </a:lstStyle>
          <a:p>
            <a:pPr lvl="0"/>
            <a:r>
              <a:rPr lang="da-DK" noProof="0"/>
              <a:t>Klik på ikonet for at tilføje et billede</a:t>
            </a:r>
            <a:endParaRPr lang="da-DK" noProof="0" dirty="0"/>
          </a:p>
        </p:txBody>
      </p:sp>
      <p:sp>
        <p:nvSpPr>
          <p:cNvPr id="15" name="Pladsholder til billede 11"/>
          <p:cNvSpPr>
            <a:spLocks noGrp="1"/>
          </p:cNvSpPr>
          <p:nvPr>
            <p:ph type="pic" sz="quarter" idx="21"/>
          </p:nvPr>
        </p:nvSpPr>
        <p:spPr>
          <a:xfrm>
            <a:off x="5143500" y="3812823"/>
            <a:ext cx="972000" cy="3072000"/>
          </a:xfrm>
          <a:prstGeom prst="ellipse">
            <a:avLst/>
          </a:prstGeom>
          <a:noFill/>
        </p:spPr>
        <p:txBody>
          <a:bodyPr/>
          <a:lstStyle>
            <a:lvl1pPr marL="0" indent="0">
              <a:buNone/>
              <a:defRPr sz="563">
                <a:solidFill>
                  <a:schemeClr val="tx1"/>
                </a:solidFill>
              </a:defRPr>
            </a:lvl1pPr>
          </a:lstStyle>
          <a:p>
            <a:pPr lvl="0"/>
            <a:r>
              <a:rPr lang="da-DK" noProof="0"/>
              <a:t>Klik på ikonet for at tilføje et billede</a:t>
            </a:r>
            <a:endParaRPr lang="da-DK" noProof="0" dirty="0"/>
          </a:p>
        </p:txBody>
      </p:sp>
      <p:sp>
        <p:nvSpPr>
          <p:cNvPr id="16" name="Text Placeholder 17"/>
          <p:cNvSpPr>
            <a:spLocks noGrp="1"/>
          </p:cNvSpPr>
          <p:nvPr>
            <p:ph type="body" sz="quarter" idx="22"/>
          </p:nvPr>
        </p:nvSpPr>
        <p:spPr bwMode="white">
          <a:xfrm>
            <a:off x="1916898" y="7142400"/>
            <a:ext cx="1410750" cy="448000"/>
          </a:xfrm>
        </p:spPr>
        <p:txBody>
          <a:bodyPr anchor="b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19" name="Text Placeholder 17"/>
          <p:cNvSpPr>
            <a:spLocks noGrp="1"/>
          </p:cNvSpPr>
          <p:nvPr>
            <p:ph type="body" sz="quarter" idx="23"/>
          </p:nvPr>
        </p:nvSpPr>
        <p:spPr bwMode="white">
          <a:xfrm>
            <a:off x="1916898" y="7587111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0" name="Text Placeholder 17"/>
          <p:cNvSpPr>
            <a:spLocks noGrp="1"/>
          </p:cNvSpPr>
          <p:nvPr>
            <p:ph type="body" sz="quarter" idx="24"/>
          </p:nvPr>
        </p:nvSpPr>
        <p:spPr bwMode="white">
          <a:xfrm>
            <a:off x="1916898" y="8128000"/>
            <a:ext cx="1410750" cy="448000"/>
          </a:xfrm>
        </p:spPr>
        <p:txBody>
          <a:bodyPr anchor="b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5" name="Text Placeholder 17"/>
          <p:cNvSpPr>
            <a:spLocks noGrp="1"/>
          </p:cNvSpPr>
          <p:nvPr>
            <p:ph type="body" sz="quarter" idx="25"/>
          </p:nvPr>
        </p:nvSpPr>
        <p:spPr bwMode="white">
          <a:xfrm>
            <a:off x="1916898" y="8576092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6" name="Text Placeholder 17"/>
          <p:cNvSpPr>
            <a:spLocks noGrp="1"/>
          </p:cNvSpPr>
          <p:nvPr>
            <p:ph type="body" sz="quarter" idx="26"/>
          </p:nvPr>
        </p:nvSpPr>
        <p:spPr bwMode="white">
          <a:xfrm>
            <a:off x="1916898" y="9219689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7" name="Text Placeholder 18"/>
          <p:cNvSpPr>
            <a:spLocks noGrp="1"/>
          </p:cNvSpPr>
          <p:nvPr>
            <p:ph type="body" sz="quarter" idx="27"/>
          </p:nvPr>
        </p:nvSpPr>
        <p:spPr bwMode="white">
          <a:xfrm>
            <a:off x="3529906" y="7142400"/>
            <a:ext cx="1410750" cy="448000"/>
          </a:xfrm>
        </p:spPr>
        <p:txBody>
          <a:bodyPr anchor="b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8" name="Text Placeholder 18"/>
          <p:cNvSpPr>
            <a:spLocks noGrp="1"/>
          </p:cNvSpPr>
          <p:nvPr>
            <p:ph type="body" sz="quarter" idx="28"/>
          </p:nvPr>
        </p:nvSpPr>
        <p:spPr bwMode="white">
          <a:xfrm>
            <a:off x="3529906" y="7587111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9" name="Text Placeholder 18"/>
          <p:cNvSpPr>
            <a:spLocks noGrp="1"/>
          </p:cNvSpPr>
          <p:nvPr>
            <p:ph type="body" sz="quarter" idx="29"/>
          </p:nvPr>
        </p:nvSpPr>
        <p:spPr bwMode="white">
          <a:xfrm>
            <a:off x="3529906" y="8128000"/>
            <a:ext cx="1410750" cy="448000"/>
          </a:xfrm>
        </p:spPr>
        <p:txBody>
          <a:bodyPr anchor="b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30" name="Text Placeholder 18"/>
          <p:cNvSpPr>
            <a:spLocks noGrp="1"/>
          </p:cNvSpPr>
          <p:nvPr>
            <p:ph type="body" sz="quarter" idx="30"/>
          </p:nvPr>
        </p:nvSpPr>
        <p:spPr bwMode="white">
          <a:xfrm>
            <a:off x="3529906" y="8576092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31" name="Text Placeholder 18"/>
          <p:cNvSpPr>
            <a:spLocks noGrp="1"/>
          </p:cNvSpPr>
          <p:nvPr>
            <p:ph type="body" sz="quarter" idx="31"/>
          </p:nvPr>
        </p:nvSpPr>
        <p:spPr bwMode="white">
          <a:xfrm>
            <a:off x="3529906" y="9219689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32" name="Text Placeholder 19"/>
          <p:cNvSpPr>
            <a:spLocks noGrp="1"/>
          </p:cNvSpPr>
          <p:nvPr>
            <p:ph type="body" sz="quarter" idx="32"/>
          </p:nvPr>
        </p:nvSpPr>
        <p:spPr bwMode="white">
          <a:xfrm>
            <a:off x="5143500" y="7138948"/>
            <a:ext cx="1410750" cy="448000"/>
          </a:xfrm>
        </p:spPr>
        <p:txBody>
          <a:bodyPr anchor="b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33" name="Text Placeholder 19"/>
          <p:cNvSpPr>
            <a:spLocks noGrp="1"/>
          </p:cNvSpPr>
          <p:nvPr>
            <p:ph type="body" sz="quarter" idx="33"/>
          </p:nvPr>
        </p:nvSpPr>
        <p:spPr bwMode="white">
          <a:xfrm>
            <a:off x="5143500" y="7583659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34" name="Text Placeholder 19"/>
          <p:cNvSpPr>
            <a:spLocks noGrp="1"/>
          </p:cNvSpPr>
          <p:nvPr>
            <p:ph type="body" sz="quarter" idx="34"/>
          </p:nvPr>
        </p:nvSpPr>
        <p:spPr bwMode="white">
          <a:xfrm>
            <a:off x="5143500" y="8124548"/>
            <a:ext cx="1410750" cy="448000"/>
          </a:xfrm>
        </p:spPr>
        <p:txBody>
          <a:bodyPr anchor="b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35" name="Text Placeholder 19"/>
          <p:cNvSpPr>
            <a:spLocks noGrp="1"/>
          </p:cNvSpPr>
          <p:nvPr>
            <p:ph type="body" sz="quarter" idx="35"/>
          </p:nvPr>
        </p:nvSpPr>
        <p:spPr bwMode="white">
          <a:xfrm>
            <a:off x="5143500" y="8572640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36" name="Text Placeholder 19"/>
          <p:cNvSpPr>
            <a:spLocks noGrp="1"/>
          </p:cNvSpPr>
          <p:nvPr>
            <p:ph type="body" sz="quarter" idx="36"/>
          </p:nvPr>
        </p:nvSpPr>
        <p:spPr bwMode="white">
          <a:xfrm>
            <a:off x="5143500" y="9216236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4" name="Date Placeholder 2">
            <a:extLst>
              <a:ext uri="{FF2B5EF4-FFF2-40B4-BE49-F238E27FC236}">
                <a16:creationId xmlns:a16="http://schemas.microsoft.com/office/drawing/2014/main" id="{594E6164-D41B-1A7F-2338-E44C0A62D29F}"/>
              </a:ext>
            </a:extLst>
          </p:cNvPr>
          <p:cNvSpPr>
            <a:spLocks noGrp="1"/>
          </p:cNvSpPr>
          <p:nvPr>
            <p:ph type="dt" sz="half" idx="37"/>
          </p:nvPr>
        </p:nvSpPr>
        <p:spPr bwMode="white"/>
        <p:txBody>
          <a:bodyPr/>
          <a:lstStyle>
            <a:lvl1pPr>
              <a:defRPr/>
            </a:lvl1pPr>
          </a:lstStyle>
          <a:p>
            <a:pPr>
              <a:defRPr/>
            </a:pPr>
            <a:fld id="{7A9107B1-B9BD-41A3-B481-459FB2A0CAB9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5" name="Footer Placeholder 3">
            <a:extLst>
              <a:ext uri="{FF2B5EF4-FFF2-40B4-BE49-F238E27FC236}">
                <a16:creationId xmlns:a16="http://schemas.microsoft.com/office/drawing/2014/main" id="{A368E1DC-B387-CAAD-E999-93982755E146}"/>
              </a:ext>
            </a:extLst>
          </p:cNvPr>
          <p:cNvSpPr>
            <a:spLocks noGrp="1"/>
          </p:cNvSpPr>
          <p:nvPr>
            <p:ph type="ftr" sz="quarter" idx="38"/>
          </p:nvPr>
        </p:nvSpPr>
        <p:spPr bwMode="white"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6" name="Slide Number Placeholder 4">
            <a:extLst>
              <a:ext uri="{FF2B5EF4-FFF2-40B4-BE49-F238E27FC236}">
                <a16:creationId xmlns:a16="http://schemas.microsoft.com/office/drawing/2014/main" id="{705FD395-8212-FD03-77DC-FC5186D3D961}"/>
              </a:ext>
            </a:extLst>
          </p:cNvPr>
          <p:cNvSpPr>
            <a:spLocks noGrp="1"/>
          </p:cNvSpPr>
          <p:nvPr>
            <p:ph type="sldNum" sz="quarter" idx="39"/>
          </p:nvPr>
        </p:nvSpPr>
        <p:spPr bwMode="white"/>
        <p:txBody>
          <a:bodyPr/>
          <a:lstStyle>
            <a:lvl1pPr>
              <a:defRPr/>
            </a:lvl1pPr>
          </a:lstStyle>
          <a:p>
            <a:pPr>
              <a:defRPr/>
            </a:pPr>
            <a:fld id="{A1526B58-684C-446F-860B-0C8C09650322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33054527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Kontakt (otte)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ggrund">
            <a:extLst>
              <a:ext uri="{FF2B5EF4-FFF2-40B4-BE49-F238E27FC236}">
                <a16:creationId xmlns:a16="http://schemas.microsoft.com/office/drawing/2014/main" id="{153C5744-6746-DE07-A6FE-B2120748F541}"/>
              </a:ext>
            </a:extLst>
          </p:cNvPr>
          <p:cNvSpPr/>
          <p:nvPr/>
        </p:nvSpPr>
        <p:spPr bwMode="ltGray">
          <a:xfrm>
            <a:off x="0" y="0"/>
            <a:ext cx="6858000" cy="12192000"/>
          </a:xfrm>
          <a:custGeom>
            <a:avLst/>
            <a:gdLst>
              <a:gd name="connsiteX0" fmla="*/ 0 w 10572750"/>
              <a:gd name="connsiteY0" fmla="*/ 0 h 10287000"/>
              <a:gd name="connsiteX1" fmla="*/ 10572750 w 10572750"/>
              <a:gd name="connsiteY1" fmla="*/ 0 h 10287000"/>
              <a:gd name="connsiteX2" fmla="*/ 10572750 w 10572750"/>
              <a:gd name="connsiteY2" fmla="*/ 10287000 h 10287000"/>
              <a:gd name="connsiteX3" fmla="*/ 0 w 10572750"/>
              <a:gd name="connsiteY3" fmla="*/ 10287000 h 10287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572750" h="10287000">
                <a:moveTo>
                  <a:pt x="0" y="0"/>
                </a:moveTo>
                <a:lnTo>
                  <a:pt x="10572750" y="0"/>
                </a:lnTo>
                <a:lnTo>
                  <a:pt x="10572750" y="10287000"/>
                </a:lnTo>
                <a:lnTo>
                  <a:pt x="0" y="10287000"/>
                </a:lnTo>
                <a:close/>
              </a:path>
            </a:pathLst>
          </a:custGeom>
          <a:solidFill>
            <a:schemeClr val="accent1"/>
          </a:solidFill>
          <a:ln w="9525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sp>
        <p:nvSpPr>
          <p:cNvPr id="3" name="Logo">
            <a:extLst>
              <a:ext uri="{FF2B5EF4-FFF2-40B4-BE49-F238E27FC236}">
                <a16:creationId xmlns:a16="http://schemas.microsoft.com/office/drawing/2014/main" id="{BEAA7DF9-0373-9CD6-AAE8-FCB900ACC720}"/>
              </a:ext>
            </a:extLst>
          </p:cNvPr>
          <p:cNvSpPr/>
          <p:nvPr userDrawn="1"/>
        </p:nvSpPr>
        <p:spPr bwMode="white">
          <a:xfrm>
            <a:off x="6197600" y="639763"/>
            <a:ext cx="355600" cy="635000"/>
          </a:xfrm>
          <a:custGeom>
            <a:avLst/>
            <a:gdLst>
              <a:gd name="connsiteX0" fmla="*/ 3991223 w 5553123"/>
              <a:gd name="connsiteY0" fmla="*/ 1407246 h 3128654"/>
              <a:gd name="connsiteX1" fmla="*/ 3430346 w 5553123"/>
              <a:gd name="connsiteY1" fmla="*/ 1968030 h 3128654"/>
              <a:gd name="connsiteX2" fmla="*/ 3597555 w 5553123"/>
              <a:gd name="connsiteY2" fmla="*/ 1999879 h 3128654"/>
              <a:gd name="connsiteX3" fmla="*/ 4017277 w 5553123"/>
              <a:gd name="connsiteY3" fmla="*/ 1565700 h 3128654"/>
              <a:gd name="connsiteX4" fmla="*/ 4017243 w 5553123"/>
              <a:gd name="connsiteY4" fmla="*/ 1565803 h 3128654"/>
              <a:gd name="connsiteX5" fmla="*/ 3991223 w 5553123"/>
              <a:gd name="connsiteY5" fmla="*/ 1407246 h 3128654"/>
              <a:gd name="connsiteX6" fmla="*/ 3597692 w 5553123"/>
              <a:gd name="connsiteY6" fmla="*/ 1131487 h 3128654"/>
              <a:gd name="connsiteX7" fmla="*/ 3172031 w 5553123"/>
              <a:gd name="connsiteY7" fmla="*/ 1565700 h 3128654"/>
              <a:gd name="connsiteX8" fmla="*/ 3171997 w 5553123"/>
              <a:gd name="connsiteY8" fmla="*/ 1565803 h 3128654"/>
              <a:gd name="connsiteX9" fmla="*/ 3197296 w 5553123"/>
              <a:gd name="connsiteY9" fmla="*/ 1722061 h 3128654"/>
              <a:gd name="connsiteX10" fmla="*/ 3757830 w 5553123"/>
              <a:gd name="connsiteY10" fmla="*/ 1161723 h 3128654"/>
              <a:gd name="connsiteX11" fmla="*/ 3597692 w 5553123"/>
              <a:gd name="connsiteY11" fmla="*/ 1131487 h 3128654"/>
              <a:gd name="connsiteX12" fmla="*/ 2205438 w 5553123"/>
              <a:gd name="connsiteY12" fmla="*/ 837298 h 3128654"/>
              <a:gd name="connsiteX13" fmla="*/ 2590180 w 5553123"/>
              <a:gd name="connsiteY13" fmla="*/ 837298 h 3128654"/>
              <a:gd name="connsiteX14" fmla="*/ 2590180 w 5553123"/>
              <a:gd name="connsiteY14" fmla="*/ 2548651 h 3128654"/>
              <a:gd name="connsiteX15" fmla="*/ 2015984 w 5553123"/>
              <a:gd name="connsiteY15" fmla="*/ 3128654 h 3128654"/>
              <a:gd name="connsiteX16" fmla="*/ 1756572 w 5553123"/>
              <a:gd name="connsiteY16" fmla="*/ 3073262 h 3128654"/>
              <a:gd name="connsiteX17" fmla="*/ 1844038 w 5553123"/>
              <a:gd name="connsiteY17" fmla="*/ 2761571 h 3128654"/>
              <a:gd name="connsiteX18" fmla="*/ 1989724 w 5553123"/>
              <a:gd name="connsiteY18" fmla="*/ 2787791 h 3128654"/>
              <a:gd name="connsiteX19" fmla="*/ 2205438 w 5553123"/>
              <a:gd name="connsiteY19" fmla="*/ 2548857 h 3128654"/>
              <a:gd name="connsiteX20" fmla="*/ 4139105 w 5553123"/>
              <a:gd name="connsiteY20" fmla="*/ 780499 h 3128654"/>
              <a:gd name="connsiteX21" fmla="*/ 4378642 w 5553123"/>
              <a:gd name="connsiteY21" fmla="*/ 1020017 h 3128654"/>
              <a:gd name="connsiteX22" fmla="*/ 4263474 w 5553123"/>
              <a:gd name="connsiteY22" fmla="*/ 1135365 h 3128654"/>
              <a:gd name="connsiteX23" fmla="*/ 4390485 w 5553123"/>
              <a:gd name="connsiteY23" fmla="*/ 1565769 h 3128654"/>
              <a:gd name="connsiteX24" fmla="*/ 3597520 w 5553123"/>
              <a:gd name="connsiteY24" fmla="*/ 2335080 h 3128654"/>
              <a:gd name="connsiteX25" fmla="*/ 3173748 w 5553123"/>
              <a:gd name="connsiteY25" fmla="*/ 2224604 h 3128654"/>
              <a:gd name="connsiteX26" fmla="*/ 3050169 w 5553123"/>
              <a:gd name="connsiteY26" fmla="*/ 2348155 h 3128654"/>
              <a:gd name="connsiteX27" fmla="*/ 2810563 w 5553123"/>
              <a:gd name="connsiteY27" fmla="*/ 2108707 h 3128654"/>
              <a:gd name="connsiteX28" fmla="*/ 2925320 w 5553123"/>
              <a:gd name="connsiteY28" fmla="*/ 1993976 h 3128654"/>
              <a:gd name="connsiteX29" fmla="*/ 2798892 w 5553123"/>
              <a:gd name="connsiteY29" fmla="*/ 1565838 h 3128654"/>
              <a:gd name="connsiteX30" fmla="*/ 3597486 w 5553123"/>
              <a:gd name="connsiteY30" fmla="*/ 793644 h 3128654"/>
              <a:gd name="connsiteX31" fmla="*/ 4015526 w 5553123"/>
              <a:gd name="connsiteY31" fmla="*/ 904050 h 3128654"/>
              <a:gd name="connsiteX32" fmla="*/ 396379 w 5553123"/>
              <a:gd name="connsiteY32" fmla="*/ 435140 h 3128654"/>
              <a:gd name="connsiteX33" fmla="*/ 396379 w 5553123"/>
              <a:gd name="connsiteY33" fmla="*/ 1932956 h 3128654"/>
              <a:gd name="connsiteX34" fmla="*/ 846344 w 5553123"/>
              <a:gd name="connsiteY34" fmla="*/ 1932956 h 3128654"/>
              <a:gd name="connsiteX35" fmla="*/ 1601274 w 5553123"/>
              <a:gd name="connsiteY35" fmla="*/ 1184065 h 3128654"/>
              <a:gd name="connsiteX36" fmla="*/ 846344 w 5553123"/>
              <a:gd name="connsiteY36" fmla="*/ 435140 h 3128654"/>
              <a:gd name="connsiteX37" fmla="*/ 0 w 5553123"/>
              <a:gd name="connsiteY37" fmla="*/ 76739 h 3128654"/>
              <a:gd name="connsiteX38" fmla="*/ 820049 w 5553123"/>
              <a:gd name="connsiteY38" fmla="*/ 76739 h 3128654"/>
              <a:gd name="connsiteX39" fmla="*/ 2000502 w 5553123"/>
              <a:gd name="connsiteY39" fmla="*/ 1184065 h 3128654"/>
              <a:gd name="connsiteX40" fmla="*/ 820049 w 5553123"/>
              <a:gd name="connsiteY40" fmla="*/ 2291391 h 3128654"/>
              <a:gd name="connsiteX41" fmla="*/ 0 w 5553123"/>
              <a:gd name="connsiteY41" fmla="*/ 2291391 h 3128654"/>
              <a:gd name="connsiteX42" fmla="*/ 5214998 w 5553123"/>
              <a:gd name="connsiteY42" fmla="*/ 0 h 3128654"/>
              <a:gd name="connsiteX43" fmla="*/ 5474410 w 5553123"/>
              <a:gd name="connsiteY43" fmla="*/ 55393 h 3128654"/>
              <a:gd name="connsiteX44" fmla="*/ 5386944 w 5553123"/>
              <a:gd name="connsiteY44" fmla="*/ 367187 h 3128654"/>
              <a:gd name="connsiteX45" fmla="*/ 5241258 w 5553123"/>
              <a:gd name="connsiteY45" fmla="*/ 340932 h 3128654"/>
              <a:gd name="connsiteX46" fmla="*/ 5025544 w 5553123"/>
              <a:gd name="connsiteY46" fmla="*/ 579901 h 3128654"/>
              <a:gd name="connsiteX47" fmla="*/ 5025544 w 5553123"/>
              <a:gd name="connsiteY47" fmla="*/ 837299 h 3128654"/>
              <a:gd name="connsiteX48" fmla="*/ 5553123 w 5553123"/>
              <a:gd name="connsiteY48" fmla="*/ 837402 h 3128654"/>
              <a:gd name="connsiteX49" fmla="*/ 5553123 w 5553123"/>
              <a:gd name="connsiteY49" fmla="*/ 1152113 h 3128654"/>
              <a:gd name="connsiteX50" fmla="*/ 5025544 w 5553123"/>
              <a:gd name="connsiteY50" fmla="*/ 1152113 h 3128654"/>
              <a:gd name="connsiteX51" fmla="*/ 5025544 w 5553123"/>
              <a:gd name="connsiteY51" fmla="*/ 2291528 h 3128654"/>
              <a:gd name="connsiteX52" fmla="*/ 4640802 w 5553123"/>
              <a:gd name="connsiteY52" fmla="*/ 2291528 h 3128654"/>
              <a:gd name="connsiteX53" fmla="*/ 4640802 w 5553123"/>
              <a:gd name="connsiteY53" fmla="*/ 1152113 h 3128654"/>
              <a:gd name="connsiteX54" fmla="*/ 4423612 w 5553123"/>
              <a:gd name="connsiteY54" fmla="*/ 1152113 h 3128654"/>
              <a:gd name="connsiteX55" fmla="*/ 4423612 w 5553123"/>
              <a:gd name="connsiteY55" fmla="*/ 837402 h 3128654"/>
              <a:gd name="connsiteX56" fmla="*/ 4640802 w 5553123"/>
              <a:gd name="connsiteY56" fmla="*/ 837402 h 3128654"/>
              <a:gd name="connsiteX57" fmla="*/ 4640802 w 5553123"/>
              <a:gd name="connsiteY57" fmla="*/ 580004 h 3128654"/>
              <a:gd name="connsiteX58" fmla="*/ 5214998 w 5553123"/>
              <a:gd name="connsiteY58" fmla="*/ 0 h 31286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5553123" h="3128654">
                <a:moveTo>
                  <a:pt x="3991223" y="1407246"/>
                </a:moveTo>
                <a:lnTo>
                  <a:pt x="3430346" y="1968030"/>
                </a:lnTo>
                <a:cubicBezTo>
                  <a:pt x="3483553" y="1989213"/>
                  <a:pt x="3540297" y="2000023"/>
                  <a:pt x="3597555" y="1999879"/>
                </a:cubicBezTo>
                <a:cubicBezTo>
                  <a:pt x="3819070" y="1999879"/>
                  <a:pt x="4017277" y="1836826"/>
                  <a:pt x="4017277" y="1565700"/>
                </a:cubicBezTo>
                <a:lnTo>
                  <a:pt x="4017243" y="1565803"/>
                </a:lnTo>
                <a:cubicBezTo>
                  <a:pt x="4017518" y="1511866"/>
                  <a:pt x="4008729" y="1458269"/>
                  <a:pt x="3991223" y="1407246"/>
                </a:cubicBezTo>
                <a:close/>
                <a:moveTo>
                  <a:pt x="3597692" y="1131487"/>
                </a:moveTo>
                <a:cubicBezTo>
                  <a:pt x="3370204" y="1131487"/>
                  <a:pt x="3172031" y="1294574"/>
                  <a:pt x="3172031" y="1565700"/>
                </a:cubicBezTo>
                <a:lnTo>
                  <a:pt x="3171997" y="1565803"/>
                </a:lnTo>
                <a:cubicBezTo>
                  <a:pt x="3171757" y="1618927"/>
                  <a:pt x="3180304" y="1671724"/>
                  <a:pt x="3197296" y="1722061"/>
                </a:cubicBezTo>
                <a:lnTo>
                  <a:pt x="3757830" y="1161723"/>
                </a:lnTo>
                <a:cubicBezTo>
                  <a:pt x="3706819" y="1141649"/>
                  <a:pt x="3652513" y="1131391"/>
                  <a:pt x="3597692" y="1131487"/>
                </a:cubicBezTo>
                <a:close/>
                <a:moveTo>
                  <a:pt x="2205438" y="837298"/>
                </a:moveTo>
                <a:lnTo>
                  <a:pt x="2590180" y="837298"/>
                </a:lnTo>
                <a:lnTo>
                  <a:pt x="2590180" y="2548651"/>
                </a:lnTo>
                <a:cubicBezTo>
                  <a:pt x="2590180" y="2895520"/>
                  <a:pt x="2359911" y="3128654"/>
                  <a:pt x="2015984" y="3128654"/>
                </a:cubicBezTo>
                <a:cubicBezTo>
                  <a:pt x="1922717" y="3128654"/>
                  <a:pt x="1838202" y="3111014"/>
                  <a:pt x="1756572" y="3073262"/>
                </a:cubicBezTo>
                <a:lnTo>
                  <a:pt x="1844038" y="2761571"/>
                </a:lnTo>
                <a:cubicBezTo>
                  <a:pt x="1896456" y="2779074"/>
                  <a:pt x="1948909" y="2787791"/>
                  <a:pt x="1989724" y="2787791"/>
                </a:cubicBezTo>
                <a:cubicBezTo>
                  <a:pt x="2118006" y="2787791"/>
                  <a:pt x="2205438" y="2691627"/>
                  <a:pt x="2205438" y="2548857"/>
                </a:cubicBezTo>
                <a:close/>
                <a:moveTo>
                  <a:pt x="4139105" y="780499"/>
                </a:moveTo>
                <a:lnTo>
                  <a:pt x="4378642" y="1020017"/>
                </a:lnTo>
                <a:lnTo>
                  <a:pt x="4263474" y="1135365"/>
                </a:lnTo>
                <a:cubicBezTo>
                  <a:pt x="4343457" y="1255038"/>
                  <a:pt x="4390485" y="1401034"/>
                  <a:pt x="4390485" y="1565769"/>
                </a:cubicBezTo>
                <a:cubicBezTo>
                  <a:pt x="4390485" y="2023285"/>
                  <a:pt x="4028880" y="2335080"/>
                  <a:pt x="3597520" y="2335080"/>
                </a:cubicBezTo>
                <a:cubicBezTo>
                  <a:pt x="3442429" y="2335080"/>
                  <a:pt x="3296983" y="2295681"/>
                  <a:pt x="3173748" y="2224604"/>
                </a:cubicBezTo>
                <a:lnTo>
                  <a:pt x="3050169" y="2348155"/>
                </a:lnTo>
                <a:lnTo>
                  <a:pt x="2810563" y="2108707"/>
                </a:lnTo>
                <a:lnTo>
                  <a:pt x="2925320" y="1993976"/>
                </a:lnTo>
                <a:cubicBezTo>
                  <a:pt x="2845543" y="1875058"/>
                  <a:pt x="2798892" y="1729886"/>
                  <a:pt x="2798892" y="1565838"/>
                </a:cubicBezTo>
                <a:cubicBezTo>
                  <a:pt x="2798892" y="1108390"/>
                  <a:pt x="3160291" y="793644"/>
                  <a:pt x="3597486" y="793644"/>
                </a:cubicBezTo>
                <a:cubicBezTo>
                  <a:pt x="3749866" y="793644"/>
                  <a:pt x="3893424" y="833077"/>
                  <a:pt x="4015526" y="904050"/>
                </a:cubicBezTo>
                <a:close/>
                <a:moveTo>
                  <a:pt x="396379" y="435140"/>
                </a:moveTo>
                <a:lnTo>
                  <a:pt x="396379" y="1932956"/>
                </a:lnTo>
                <a:lnTo>
                  <a:pt x="846344" y="1932956"/>
                </a:lnTo>
                <a:cubicBezTo>
                  <a:pt x="1298059" y="1932956"/>
                  <a:pt x="1601274" y="1632830"/>
                  <a:pt x="1601274" y="1184065"/>
                </a:cubicBezTo>
                <a:cubicBezTo>
                  <a:pt x="1601274" y="735300"/>
                  <a:pt x="1298128" y="435140"/>
                  <a:pt x="846344" y="435140"/>
                </a:cubicBezTo>
                <a:close/>
                <a:moveTo>
                  <a:pt x="0" y="76739"/>
                </a:moveTo>
                <a:lnTo>
                  <a:pt x="820049" y="76739"/>
                </a:lnTo>
                <a:cubicBezTo>
                  <a:pt x="1528328" y="76739"/>
                  <a:pt x="2000502" y="519670"/>
                  <a:pt x="2000502" y="1184065"/>
                </a:cubicBezTo>
                <a:cubicBezTo>
                  <a:pt x="2000502" y="1848460"/>
                  <a:pt x="1528328" y="2291391"/>
                  <a:pt x="820049" y="2291391"/>
                </a:cubicBezTo>
                <a:lnTo>
                  <a:pt x="0" y="2291391"/>
                </a:lnTo>
                <a:close/>
                <a:moveTo>
                  <a:pt x="5214998" y="0"/>
                </a:moveTo>
                <a:cubicBezTo>
                  <a:pt x="5308265" y="0"/>
                  <a:pt x="5392780" y="17641"/>
                  <a:pt x="5474410" y="55393"/>
                </a:cubicBezTo>
                <a:lnTo>
                  <a:pt x="5386944" y="367187"/>
                </a:lnTo>
                <a:cubicBezTo>
                  <a:pt x="5334526" y="349684"/>
                  <a:pt x="5282074" y="340932"/>
                  <a:pt x="5241258" y="340932"/>
                </a:cubicBezTo>
                <a:cubicBezTo>
                  <a:pt x="5112976" y="340932"/>
                  <a:pt x="5025544" y="437131"/>
                  <a:pt x="5025544" y="579901"/>
                </a:cubicBezTo>
                <a:lnTo>
                  <a:pt x="5025544" y="837299"/>
                </a:lnTo>
                <a:lnTo>
                  <a:pt x="5553123" y="837402"/>
                </a:lnTo>
                <a:lnTo>
                  <a:pt x="5553123" y="1152113"/>
                </a:lnTo>
                <a:lnTo>
                  <a:pt x="5025544" y="1152113"/>
                </a:lnTo>
                <a:lnTo>
                  <a:pt x="5025544" y="2291528"/>
                </a:lnTo>
                <a:lnTo>
                  <a:pt x="4640802" y="2291528"/>
                </a:lnTo>
                <a:lnTo>
                  <a:pt x="4640802" y="1152113"/>
                </a:lnTo>
                <a:lnTo>
                  <a:pt x="4423612" y="1152113"/>
                </a:lnTo>
                <a:lnTo>
                  <a:pt x="4423612" y="837402"/>
                </a:lnTo>
                <a:lnTo>
                  <a:pt x="4640802" y="837402"/>
                </a:lnTo>
                <a:lnTo>
                  <a:pt x="4640802" y="580004"/>
                </a:lnTo>
                <a:cubicBezTo>
                  <a:pt x="4640802" y="233134"/>
                  <a:pt x="4871070" y="0"/>
                  <a:pt x="5214998" y="0"/>
                </a:cubicBezTo>
                <a:close/>
              </a:path>
            </a:pathLst>
          </a:custGeom>
          <a:solidFill>
            <a:srgbClr val="FFFFFF"/>
          </a:solidFill>
          <a:ln w="3432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sp>
        <p:nvSpPr>
          <p:cNvPr id="17" name="Text Placeholder 16"/>
          <p:cNvSpPr>
            <a:spLocks noGrp="1"/>
          </p:cNvSpPr>
          <p:nvPr>
            <p:ph type="body" sz="quarter" idx="13"/>
          </p:nvPr>
        </p:nvSpPr>
        <p:spPr bwMode="white">
          <a:xfrm>
            <a:off x="303609" y="3683764"/>
            <a:ext cx="1410750" cy="448000"/>
          </a:xfrm>
        </p:spPr>
        <p:txBody>
          <a:bodyPr anchor="b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1" name="Text Placeholder 16"/>
          <p:cNvSpPr>
            <a:spLocks noGrp="1"/>
          </p:cNvSpPr>
          <p:nvPr>
            <p:ph type="body" sz="quarter" idx="14"/>
          </p:nvPr>
        </p:nvSpPr>
        <p:spPr bwMode="white">
          <a:xfrm>
            <a:off x="303609" y="4128475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2" name="Text Placeholder 16"/>
          <p:cNvSpPr>
            <a:spLocks noGrp="1"/>
          </p:cNvSpPr>
          <p:nvPr>
            <p:ph type="body" sz="quarter" idx="15"/>
          </p:nvPr>
        </p:nvSpPr>
        <p:spPr bwMode="white">
          <a:xfrm>
            <a:off x="303609" y="4669364"/>
            <a:ext cx="1410750" cy="448000"/>
          </a:xfrm>
        </p:spPr>
        <p:txBody>
          <a:bodyPr anchor="b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3" name="Text Placeholder 16"/>
          <p:cNvSpPr>
            <a:spLocks noGrp="1"/>
          </p:cNvSpPr>
          <p:nvPr>
            <p:ph type="body" sz="quarter" idx="16"/>
          </p:nvPr>
        </p:nvSpPr>
        <p:spPr bwMode="white">
          <a:xfrm>
            <a:off x="303609" y="5117456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4" name="Text Placeholder 16"/>
          <p:cNvSpPr>
            <a:spLocks noGrp="1"/>
          </p:cNvSpPr>
          <p:nvPr>
            <p:ph type="body" sz="quarter" idx="17"/>
          </p:nvPr>
        </p:nvSpPr>
        <p:spPr bwMode="white">
          <a:xfrm>
            <a:off x="303609" y="5761052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12" name="Pladsholder til billede 11"/>
          <p:cNvSpPr>
            <a:spLocks noGrp="1" noChangeAspect="1"/>
          </p:cNvSpPr>
          <p:nvPr>
            <p:ph type="pic" sz="quarter" idx="18"/>
          </p:nvPr>
        </p:nvSpPr>
        <p:spPr bwMode="white">
          <a:xfrm>
            <a:off x="303609" y="2142946"/>
            <a:ext cx="419175" cy="1324800"/>
          </a:xfrm>
          <a:prstGeom prst="ellipse">
            <a:avLst/>
          </a:prstGeom>
          <a:noFill/>
        </p:spPr>
        <p:txBody>
          <a:bodyPr wrap="none" lIns="864000"/>
          <a:lstStyle>
            <a:lvl1pPr marL="0" indent="0">
              <a:buNone/>
              <a:defRPr sz="563">
                <a:solidFill>
                  <a:schemeClr val="tx1"/>
                </a:solidFill>
              </a:defRPr>
            </a:lvl1pPr>
          </a:lstStyle>
          <a:p>
            <a:pPr lvl="0"/>
            <a:r>
              <a:rPr lang="da-DK" noProof="0"/>
              <a:t>Klik på ikonet for at tilføje et billede</a:t>
            </a:r>
            <a:endParaRPr lang="da-DK" noProof="0" dirty="0"/>
          </a:p>
        </p:txBody>
      </p:sp>
      <p:sp>
        <p:nvSpPr>
          <p:cNvPr id="13" name="Pladsholder til billede 11"/>
          <p:cNvSpPr>
            <a:spLocks noGrp="1" noChangeAspect="1"/>
          </p:cNvSpPr>
          <p:nvPr>
            <p:ph type="pic" sz="quarter" idx="19"/>
          </p:nvPr>
        </p:nvSpPr>
        <p:spPr bwMode="white">
          <a:xfrm>
            <a:off x="1916899" y="2142946"/>
            <a:ext cx="419175" cy="1324800"/>
          </a:xfrm>
          <a:prstGeom prst="ellipse">
            <a:avLst/>
          </a:prstGeom>
          <a:noFill/>
        </p:spPr>
        <p:txBody>
          <a:bodyPr wrap="none" lIns="864000"/>
          <a:lstStyle>
            <a:lvl1pPr marL="0" indent="0">
              <a:buNone/>
              <a:defRPr sz="563">
                <a:solidFill>
                  <a:schemeClr val="tx1"/>
                </a:solidFill>
              </a:defRPr>
            </a:lvl1pPr>
          </a:lstStyle>
          <a:p>
            <a:pPr lvl="0"/>
            <a:r>
              <a:rPr lang="da-DK" noProof="0"/>
              <a:t>Klik på ikonet for at tilføje et billede</a:t>
            </a:r>
            <a:endParaRPr lang="da-DK" noProof="0" dirty="0"/>
          </a:p>
        </p:txBody>
      </p:sp>
      <p:sp>
        <p:nvSpPr>
          <p:cNvPr id="14" name="Pladsholder til billede 11"/>
          <p:cNvSpPr>
            <a:spLocks noGrp="1" noChangeAspect="1"/>
          </p:cNvSpPr>
          <p:nvPr>
            <p:ph type="pic" sz="quarter" idx="20"/>
          </p:nvPr>
        </p:nvSpPr>
        <p:spPr bwMode="white">
          <a:xfrm>
            <a:off x="3529906" y="2142946"/>
            <a:ext cx="419175" cy="1324800"/>
          </a:xfrm>
          <a:prstGeom prst="ellipse">
            <a:avLst/>
          </a:prstGeom>
          <a:noFill/>
        </p:spPr>
        <p:txBody>
          <a:bodyPr wrap="none" lIns="864000"/>
          <a:lstStyle>
            <a:lvl1pPr marL="0" indent="0">
              <a:buNone/>
              <a:defRPr sz="563">
                <a:solidFill>
                  <a:schemeClr val="tx1"/>
                </a:solidFill>
              </a:defRPr>
            </a:lvl1pPr>
          </a:lstStyle>
          <a:p>
            <a:pPr lvl="0"/>
            <a:r>
              <a:rPr lang="da-DK" noProof="0"/>
              <a:t>Klik på ikonet for at tilføje et billede</a:t>
            </a:r>
            <a:endParaRPr lang="da-DK" noProof="0" dirty="0"/>
          </a:p>
        </p:txBody>
      </p:sp>
      <p:sp>
        <p:nvSpPr>
          <p:cNvPr id="15" name="Pladsholder til billede 11"/>
          <p:cNvSpPr>
            <a:spLocks noGrp="1" noChangeAspect="1"/>
          </p:cNvSpPr>
          <p:nvPr>
            <p:ph type="pic" sz="quarter" idx="21"/>
          </p:nvPr>
        </p:nvSpPr>
        <p:spPr bwMode="white">
          <a:xfrm>
            <a:off x="5143501" y="2142946"/>
            <a:ext cx="419175" cy="1324800"/>
          </a:xfrm>
          <a:prstGeom prst="ellipse">
            <a:avLst/>
          </a:prstGeom>
          <a:noFill/>
        </p:spPr>
        <p:txBody>
          <a:bodyPr wrap="none" lIns="864000"/>
          <a:lstStyle>
            <a:lvl1pPr marL="0" indent="0">
              <a:buNone/>
              <a:defRPr sz="563">
                <a:solidFill>
                  <a:schemeClr val="tx1"/>
                </a:solidFill>
              </a:defRPr>
            </a:lvl1pPr>
          </a:lstStyle>
          <a:p>
            <a:pPr lvl="0"/>
            <a:r>
              <a:rPr lang="da-DK" noProof="0"/>
              <a:t>Klik på ikonet for at tilføje et billede</a:t>
            </a:r>
            <a:endParaRPr lang="da-DK" noProof="0" dirty="0"/>
          </a:p>
        </p:txBody>
      </p:sp>
      <p:sp>
        <p:nvSpPr>
          <p:cNvPr id="16" name="Text Placeholder 17"/>
          <p:cNvSpPr>
            <a:spLocks noGrp="1"/>
          </p:cNvSpPr>
          <p:nvPr>
            <p:ph type="body" sz="quarter" idx="22"/>
          </p:nvPr>
        </p:nvSpPr>
        <p:spPr bwMode="white">
          <a:xfrm>
            <a:off x="1916898" y="3683764"/>
            <a:ext cx="1410750" cy="448000"/>
          </a:xfrm>
        </p:spPr>
        <p:txBody>
          <a:bodyPr anchor="b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19" name="Text Placeholder 17"/>
          <p:cNvSpPr>
            <a:spLocks noGrp="1"/>
          </p:cNvSpPr>
          <p:nvPr>
            <p:ph type="body" sz="quarter" idx="23"/>
          </p:nvPr>
        </p:nvSpPr>
        <p:spPr bwMode="white">
          <a:xfrm>
            <a:off x="1916898" y="4128475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0" name="Text Placeholder 17"/>
          <p:cNvSpPr>
            <a:spLocks noGrp="1"/>
          </p:cNvSpPr>
          <p:nvPr>
            <p:ph type="body" sz="quarter" idx="24"/>
          </p:nvPr>
        </p:nvSpPr>
        <p:spPr bwMode="white">
          <a:xfrm>
            <a:off x="1916898" y="4669364"/>
            <a:ext cx="1410750" cy="448000"/>
          </a:xfrm>
        </p:spPr>
        <p:txBody>
          <a:bodyPr anchor="b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5" name="Text Placeholder 17"/>
          <p:cNvSpPr>
            <a:spLocks noGrp="1"/>
          </p:cNvSpPr>
          <p:nvPr>
            <p:ph type="body" sz="quarter" idx="25"/>
          </p:nvPr>
        </p:nvSpPr>
        <p:spPr bwMode="white">
          <a:xfrm>
            <a:off x="1916898" y="5117456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6" name="Text Placeholder 17"/>
          <p:cNvSpPr>
            <a:spLocks noGrp="1"/>
          </p:cNvSpPr>
          <p:nvPr>
            <p:ph type="body" sz="quarter" idx="26"/>
          </p:nvPr>
        </p:nvSpPr>
        <p:spPr bwMode="white">
          <a:xfrm>
            <a:off x="1916898" y="5761052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7" name="Text Placeholder 18"/>
          <p:cNvSpPr>
            <a:spLocks noGrp="1"/>
          </p:cNvSpPr>
          <p:nvPr>
            <p:ph type="body" sz="quarter" idx="27"/>
          </p:nvPr>
        </p:nvSpPr>
        <p:spPr bwMode="white">
          <a:xfrm>
            <a:off x="3529906" y="3683764"/>
            <a:ext cx="1410750" cy="448000"/>
          </a:xfrm>
        </p:spPr>
        <p:txBody>
          <a:bodyPr anchor="b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8" name="Text Placeholder 18"/>
          <p:cNvSpPr>
            <a:spLocks noGrp="1"/>
          </p:cNvSpPr>
          <p:nvPr>
            <p:ph type="body" sz="quarter" idx="28"/>
          </p:nvPr>
        </p:nvSpPr>
        <p:spPr bwMode="white">
          <a:xfrm>
            <a:off x="3529906" y="4128475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9" name="Text Placeholder 18"/>
          <p:cNvSpPr>
            <a:spLocks noGrp="1"/>
          </p:cNvSpPr>
          <p:nvPr>
            <p:ph type="body" sz="quarter" idx="29"/>
          </p:nvPr>
        </p:nvSpPr>
        <p:spPr bwMode="white">
          <a:xfrm>
            <a:off x="3529906" y="4669364"/>
            <a:ext cx="1410750" cy="448000"/>
          </a:xfrm>
        </p:spPr>
        <p:txBody>
          <a:bodyPr anchor="b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30" name="Text Placeholder 18"/>
          <p:cNvSpPr>
            <a:spLocks noGrp="1"/>
          </p:cNvSpPr>
          <p:nvPr>
            <p:ph type="body" sz="quarter" idx="30"/>
          </p:nvPr>
        </p:nvSpPr>
        <p:spPr bwMode="white">
          <a:xfrm>
            <a:off x="3529906" y="5117456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31" name="Text Placeholder 18"/>
          <p:cNvSpPr>
            <a:spLocks noGrp="1"/>
          </p:cNvSpPr>
          <p:nvPr>
            <p:ph type="body" sz="quarter" idx="31"/>
          </p:nvPr>
        </p:nvSpPr>
        <p:spPr bwMode="white">
          <a:xfrm>
            <a:off x="3529906" y="5761052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32" name="Text Placeholder 19"/>
          <p:cNvSpPr>
            <a:spLocks noGrp="1"/>
          </p:cNvSpPr>
          <p:nvPr>
            <p:ph type="body" sz="quarter" idx="32"/>
          </p:nvPr>
        </p:nvSpPr>
        <p:spPr bwMode="white">
          <a:xfrm>
            <a:off x="5143500" y="3680311"/>
            <a:ext cx="1410750" cy="448000"/>
          </a:xfrm>
        </p:spPr>
        <p:txBody>
          <a:bodyPr anchor="b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33" name="Text Placeholder 19"/>
          <p:cNvSpPr>
            <a:spLocks noGrp="1"/>
          </p:cNvSpPr>
          <p:nvPr>
            <p:ph type="body" sz="quarter" idx="33"/>
          </p:nvPr>
        </p:nvSpPr>
        <p:spPr bwMode="white">
          <a:xfrm>
            <a:off x="5143500" y="4125022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34" name="Text Placeholder 19"/>
          <p:cNvSpPr>
            <a:spLocks noGrp="1"/>
          </p:cNvSpPr>
          <p:nvPr>
            <p:ph type="body" sz="quarter" idx="34"/>
          </p:nvPr>
        </p:nvSpPr>
        <p:spPr bwMode="white">
          <a:xfrm>
            <a:off x="5143500" y="4665911"/>
            <a:ext cx="1410750" cy="448000"/>
          </a:xfrm>
        </p:spPr>
        <p:txBody>
          <a:bodyPr anchor="b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35" name="Text Placeholder 19"/>
          <p:cNvSpPr>
            <a:spLocks noGrp="1"/>
          </p:cNvSpPr>
          <p:nvPr>
            <p:ph type="body" sz="quarter" idx="35"/>
          </p:nvPr>
        </p:nvSpPr>
        <p:spPr bwMode="white">
          <a:xfrm>
            <a:off x="5143500" y="5114004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36" name="Text Placeholder 19"/>
          <p:cNvSpPr>
            <a:spLocks noGrp="1"/>
          </p:cNvSpPr>
          <p:nvPr>
            <p:ph type="body" sz="quarter" idx="36"/>
          </p:nvPr>
        </p:nvSpPr>
        <p:spPr bwMode="white">
          <a:xfrm>
            <a:off x="5143500" y="5757600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37" name="Text Placeholder 20"/>
          <p:cNvSpPr>
            <a:spLocks noGrp="1"/>
          </p:cNvSpPr>
          <p:nvPr>
            <p:ph type="body" sz="quarter" idx="37"/>
          </p:nvPr>
        </p:nvSpPr>
        <p:spPr bwMode="white">
          <a:xfrm>
            <a:off x="303609" y="8690020"/>
            <a:ext cx="1410750" cy="448000"/>
          </a:xfrm>
        </p:spPr>
        <p:txBody>
          <a:bodyPr anchor="b" anchorCtr="0"/>
          <a:lstStyle>
            <a:lvl1pPr marL="0" indent="0">
              <a:spcAft>
                <a:spcPts val="0"/>
              </a:spcAft>
              <a:buNone/>
              <a:defRPr sz="675">
                <a:solidFill>
                  <a:schemeClr val="tx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38" name="Text Placeholder 20"/>
          <p:cNvSpPr>
            <a:spLocks noGrp="1"/>
          </p:cNvSpPr>
          <p:nvPr>
            <p:ph type="body" sz="quarter" idx="38"/>
          </p:nvPr>
        </p:nvSpPr>
        <p:spPr bwMode="white">
          <a:xfrm>
            <a:off x="303609" y="9134731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>
                <a:solidFill>
                  <a:schemeClr val="tx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39" name="Text Placeholder 20"/>
          <p:cNvSpPr>
            <a:spLocks noGrp="1"/>
          </p:cNvSpPr>
          <p:nvPr>
            <p:ph type="body" sz="quarter" idx="39"/>
          </p:nvPr>
        </p:nvSpPr>
        <p:spPr bwMode="white">
          <a:xfrm>
            <a:off x="303609" y="9675620"/>
            <a:ext cx="1410750" cy="448000"/>
          </a:xfrm>
        </p:spPr>
        <p:txBody>
          <a:bodyPr anchor="b" anchorCtr="0"/>
          <a:lstStyle>
            <a:lvl1pPr marL="0" indent="0">
              <a:spcAft>
                <a:spcPts val="0"/>
              </a:spcAft>
              <a:buNone/>
              <a:defRPr sz="675">
                <a:solidFill>
                  <a:schemeClr val="tx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40" name="Text Placeholder 20"/>
          <p:cNvSpPr>
            <a:spLocks noGrp="1"/>
          </p:cNvSpPr>
          <p:nvPr>
            <p:ph type="body" sz="quarter" idx="40"/>
          </p:nvPr>
        </p:nvSpPr>
        <p:spPr bwMode="white">
          <a:xfrm>
            <a:off x="303609" y="10123712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>
                <a:solidFill>
                  <a:schemeClr val="tx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41" name="Text Placeholder 20"/>
          <p:cNvSpPr>
            <a:spLocks noGrp="1"/>
          </p:cNvSpPr>
          <p:nvPr>
            <p:ph type="body" sz="quarter" idx="41"/>
          </p:nvPr>
        </p:nvSpPr>
        <p:spPr bwMode="white">
          <a:xfrm>
            <a:off x="303609" y="10767308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>
                <a:solidFill>
                  <a:schemeClr val="tx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42" name="Text Placeholder 21"/>
          <p:cNvSpPr>
            <a:spLocks noGrp="1"/>
          </p:cNvSpPr>
          <p:nvPr>
            <p:ph type="body" sz="quarter" idx="42"/>
          </p:nvPr>
        </p:nvSpPr>
        <p:spPr bwMode="white">
          <a:xfrm>
            <a:off x="1916898" y="8690020"/>
            <a:ext cx="1410750" cy="448000"/>
          </a:xfrm>
        </p:spPr>
        <p:txBody>
          <a:bodyPr anchor="b" anchorCtr="0"/>
          <a:lstStyle>
            <a:lvl1pPr marL="0" indent="0">
              <a:spcAft>
                <a:spcPts val="0"/>
              </a:spcAft>
              <a:buNone/>
              <a:defRPr sz="675">
                <a:solidFill>
                  <a:schemeClr val="tx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43" name="Text Placeholder 21"/>
          <p:cNvSpPr>
            <a:spLocks noGrp="1"/>
          </p:cNvSpPr>
          <p:nvPr>
            <p:ph type="body" sz="quarter" idx="43"/>
          </p:nvPr>
        </p:nvSpPr>
        <p:spPr bwMode="white">
          <a:xfrm>
            <a:off x="1916898" y="9134731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>
                <a:solidFill>
                  <a:schemeClr val="tx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44" name="Text Placeholder 21"/>
          <p:cNvSpPr>
            <a:spLocks noGrp="1"/>
          </p:cNvSpPr>
          <p:nvPr>
            <p:ph type="body" sz="quarter" idx="44"/>
          </p:nvPr>
        </p:nvSpPr>
        <p:spPr bwMode="white">
          <a:xfrm>
            <a:off x="1916898" y="9675620"/>
            <a:ext cx="1410750" cy="448000"/>
          </a:xfrm>
        </p:spPr>
        <p:txBody>
          <a:bodyPr anchor="b" anchorCtr="0"/>
          <a:lstStyle>
            <a:lvl1pPr marL="0" indent="0">
              <a:spcAft>
                <a:spcPts val="0"/>
              </a:spcAft>
              <a:buNone/>
              <a:defRPr sz="675">
                <a:solidFill>
                  <a:schemeClr val="tx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45" name="Text Placeholder 21"/>
          <p:cNvSpPr>
            <a:spLocks noGrp="1"/>
          </p:cNvSpPr>
          <p:nvPr>
            <p:ph type="body" sz="quarter" idx="45"/>
          </p:nvPr>
        </p:nvSpPr>
        <p:spPr bwMode="white">
          <a:xfrm>
            <a:off x="1916898" y="10123712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>
                <a:solidFill>
                  <a:schemeClr val="tx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46" name="Text Placeholder 21"/>
          <p:cNvSpPr>
            <a:spLocks noGrp="1"/>
          </p:cNvSpPr>
          <p:nvPr>
            <p:ph type="body" sz="quarter" idx="46"/>
          </p:nvPr>
        </p:nvSpPr>
        <p:spPr bwMode="white">
          <a:xfrm>
            <a:off x="1916898" y="10767308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>
                <a:solidFill>
                  <a:schemeClr val="tx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47" name="Text Placeholder 22"/>
          <p:cNvSpPr>
            <a:spLocks noGrp="1"/>
          </p:cNvSpPr>
          <p:nvPr>
            <p:ph type="body" sz="quarter" idx="47"/>
          </p:nvPr>
        </p:nvSpPr>
        <p:spPr bwMode="white">
          <a:xfrm>
            <a:off x="3529906" y="8690020"/>
            <a:ext cx="1410750" cy="448000"/>
          </a:xfrm>
        </p:spPr>
        <p:txBody>
          <a:bodyPr anchor="b" anchorCtr="0"/>
          <a:lstStyle>
            <a:lvl1pPr marL="0" indent="0">
              <a:spcAft>
                <a:spcPts val="0"/>
              </a:spcAft>
              <a:buNone/>
              <a:defRPr sz="675">
                <a:solidFill>
                  <a:schemeClr val="tx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48" name="Text Placeholder 22"/>
          <p:cNvSpPr>
            <a:spLocks noGrp="1"/>
          </p:cNvSpPr>
          <p:nvPr>
            <p:ph type="body" sz="quarter" idx="48"/>
          </p:nvPr>
        </p:nvSpPr>
        <p:spPr bwMode="white">
          <a:xfrm>
            <a:off x="3529906" y="9134731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>
                <a:solidFill>
                  <a:schemeClr val="tx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49" name="Text Placeholder 22"/>
          <p:cNvSpPr>
            <a:spLocks noGrp="1"/>
          </p:cNvSpPr>
          <p:nvPr>
            <p:ph type="body" sz="quarter" idx="49"/>
          </p:nvPr>
        </p:nvSpPr>
        <p:spPr bwMode="white">
          <a:xfrm>
            <a:off x="3529906" y="9675620"/>
            <a:ext cx="1410750" cy="448000"/>
          </a:xfrm>
        </p:spPr>
        <p:txBody>
          <a:bodyPr anchor="b" anchorCtr="0"/>
          <a:lstStyle>
            <a:lvl1pPr marL="0" indent="0">
              <a:spcAft>
                <a:spcPts val="0"/>
              </a:spcAft>
              <a:buNone/>
              <a:defRPr sz="675">
                <a:solidFill>
                  <a:schemeClr val="tx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50" name="Text Placeholder 22"/>
          <p:cNvSpPr>
            <a:spLocks noGrp="1"/>
          </p:cNvSpPr>
          <p:nvPr>
            <p:ph type="body" sz="quarter" idx="50"/>
          </p:nvPr>
        </p:nvSpPr>
        <p:spPr bwMode="white">
          <a:xfrm>
            <a:off x="3529906" y="10123712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>
                <a:solidFill>
                  <a:schemeClr val="tx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51" name="Text Placeholder 22"/>
          <p:cNvSpPr>
            <a:spLocks noGrp="1"/>
          </p:cNvSpPr>
          <p:nvPr>
            <p:ph type="body" sz="quarter" idx="51"/>
          </p:nvPr>
        </p:nvSpPr>
        <p:spPr bwMode="white">
          <a:xfrm>
            <a:off x="3529906" y="10767308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>
                <a:solidFill>
                  <a:schemeClr val="tx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52" name="Text Placeholder 23"/>
          <p:cNvSpPr>
            <a:spLocks noGrp="1"/>
          </p:cNvSpPr>
          <p:nvPr>
            <p:ph type="body" sz="quarter" idx="52"/>
          </p:nvPr>
        </p:nvSpPr>
        <p:spPr bwMode="white">
          <a:xfrm>
            <a:off x="5143500" y="8690020"/>
            <a:ext cx="1410750" cy="448000"/>
          </a:xfrm>
        </p:spPr>
        <p:txBody>
          <a:bodyPr anchor="b" anchorCtr="0"/>
          <a:lstStyle>
            <a:lvl1pPr marL="0" indent="0">
              <a:spcAft>
                <a:spcPts val="0"/>
              </a:spcAft>
              <a:buNone/>
              <a:defRPr sz="675">
                <a:solidFill>
                  <a:schemeClr val="tx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53" name="Text Placeholder 23"/>
          <p:cNvSpPr>
            <a:spLocks noGrp="1"/>
          </p:cNvSpPr>
          <p:nvPr>
            <p:ph type="body" sz="quarter" idx="53"/>
          </p:nvPr>
        </p:nvSpPr>
        <p:spPr bwMode="white">
          <a:xfrm>
            <a:off x="5143500" y="9134731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>
                <a:solidFill>
                  <a:schemeClr val="tx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54" name="Text Placeholder 23"/>
          <p:cNvSpPr>
            <a:spLocks noGrp="1"/>
          </p:cNvSpPr>
          <p:nvPr>
            <p:ph type="body" sz="quarter" idx="54"/>
          </p:nvPr>
        </p:nvSpPr>
        <p:spPr bwMode="white">
          <a:xfrm>
            <a:off x="5143500" y="9675620"/>
            <a:ext cx="1410750" cy="448000"/>
          </a:xfrm>
        </p:spPr>
        <p:txBody>
          <a:bodyPr anchor="b" anchorCtr="0"/>
          <a:lstStyle>
            <a:lvl1pPr marL="0" indent="0">
              <a:spcAft>
                <a:spcPts val="0"/>
              </a:spcAft>
              <a:buNone/>
              <a:defRPr sz="675">
                <a:solidFill>
                  <a:schemeClr val="tx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55" name="Text Placeholder 23"/>
          <p:cNvSpPr>
            <a:spLocks noGrp="1"/>
          </p:cNvSpPr>
          <p:nvPr>
            <p:ph type="body" sz="quarter" idx="55"/>
          </p:nvPr>
        </p:nvSpPr>
        <p:spPr bwMode="white">
          <a:xfrm>
            <a:off x="5143500" y="10123712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>
                <a:solidFill>
                  <a:schemeClr val="tx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56" name="Text Placeholder 23"/>
          <p:cNvSpPr>
            <a:spLocks noGrp="1"/>
          </p:cNvSpPr>
          <p:nvPr>
            <p:ph type="body" sz="quarter" idx="56"/>
          </p:nvPr>
        </p:nvSpPr>
        <p:spPr bwMode="white">
          <a:xfrm>
            <a:off x="5143500" y="10767308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>
                <a:solidFill>
                  <a:schemeClr val="tx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8" name="Pladsholder til billede 11"/>
          <p:cNvSpPr>
            <a:spLocks noGrp="1" noChangeAspect="1"/>
          </p:cNvSpPr>
          <p:nvPr>
            <p:ph type="pic" sz="quarter" idx="57"/>
          </p:nvPr>
        </p:nvSpPr>
        <p:spPr bwMode="white">
          <a:xfrm>
            <a:off x="303609" y="7141428"/>
            <a:ext cx="419175" cy="1324800"/>
          </a:xfrm>
          <a:prstGeom prst="ellipse">
            <a:avLst/>
          </a:prstGeom>
          <a:noFill/>
        </p:spPr>
        <p:txBody>
          <a:bodyPr wrap="none" lIns="864000"/>
          <a:lstStyle>
            <a:lvl1pPr marL="0" indent="0">
              <a:buNone/>
              <a:defRPr sz="563">
                <a:solidFill>
                  <a:schemeClr val="tx1"/>
                </a:solidFill>
              </a:defRPr>
            </a:lvl1pPr>
          </a:lstStyle>
          <a:p>
            <a:pPr lvl="0"/>
            <a:r>
              <a:rPr lang="da-DK" noProof="0"/>
              <a:t>Klik på ikonet for at tilføje et billede</a:t>
            </a:r>
            <a:endParaRPr lang="da-DK" noProof="0" dirty="0"/>
          </a:p>
        </p:txBody>
      </p:sp>
      <p:sp>
        <p:nvSpPr>
          <p:cNvPr id="10" name="Pladsholder til billede 11"/>
          <p:cNvSpPr>
            <a:spLocks noGrp="1" noChangeAspect="1"/>
          </p:cNvSpPr>
          <p:nvPr>
            <p:ph type="pic" sz="quarter" idx="58"/>
          </p:nvPr>
        </p:nvSpPr>
        <p:spPr bwMode="white">
          <a:xfrm>
            <a:off x="1916899" y="7141428"/>
            <a:ext cx="419175" cy="1324800"/>
          </a:xfrm>
          <a:prstGeom prst="ellipse">
            <a:avLst/>
          </a:prstGeom>
          <a:noFill/>
        </p:spPr>
        <p:txBody>
          <a:bodyPr wrap="none" lIns="864000"/>
          <a:lstStyle>
            <a:lvl1pPr marL="0" indent="0">
              <a:buNone/>
              <a:defRPr sz="563">
                <a:solidFill>
                  <a:schemeClr val="tx1"/>
                </a:solidFill>
              </a:defRPr>
            </a:lvl1pPr>
          </a:lstStyle>
          <a:p>
            <a:pPr lvl="0"/>
            <a:r>
              <a:rPr lang="da-DK" noProof="0"/>
              <a:t>Klik på ikonet for at tilføje et billede</a:t>
            </a:r>
            <a:endParaRPr lang="da-DK" noProof="0" dirty="0"/>
          </a:p>
        </p:txBody>
      </p:sp>
      <p:sp>
        <p:nvSpPr>
          <p:cNvPr id="57" name="Pladsholder til billede 11"/>
          <p:cNvSpPr>
            <a:spLocks noGrp="1" noChangeAspect="1"/>
          </p:cNvSpPr>
          <p:nvPr>
            <p:ph type="pic" sz="quarter" idx="59"/>
          </p:nvPr>
        </p:nvSpPr>
        <p:spPr bwMode="white">
          <a:xfrm>
            <a:off x="3530203" y="7141428"/>
            <a:ext cx="419175" cy="1324800"/>
          </a:xfrm>
          <a:prstGeom prst="ellipse">
            <a:avLst/>
          </a:prstGeom>
          <a:noFill/>
        </p:spPr>
        <p:txBody>
          <a:bodyPr wrap="none" lIns="864000"/>
          <a:lstStyle>
            <a:lvl1pPr marL="0" indent="0">
              <a:buNone/>
              <a:defRPr sz="563">
                <a:solidFill>
                  <a:schemeClr val="tx1"/>
                </a:solidFill>
              </a:defRPr>
            </a:lvl1pPr>
          </a:lstStyle>
          <a:p>
            <a:pPr lvl="0"/>
            <a:r>
              <a:rPr lang="da-DK" noProof="0"/>
              <a:t>Klik på ikonet for at tilføje et billede</a:t>
            </a:r>
            <a:endParaRPr lang="da-DK" noProof="0" dirty="0"/>
          </a:p>
        </p:txBody>
      </p:sp>
      <p:sp>
        <p:nvSpPr>
          <p:cNvPr id="58" name="Pladsholder til billede 11"/>
          <p:cNvSpPr>
            <a:spLocks noGrp="1" noChangeAspect="1"/>
          </p:cNvSpPr>
          <p:nvPr>
            <p:ph type="pic" sz="quarter" idx="60"/>
          </p:nvPr>
        </p:nvSpPr>
        <p:spPr bwMode="white">
          <a:xfrm>
            <a:off x="5143501" y="7141428"/>
            <a:ext cx="419175" cy="1324800"/>
          </a:xfrm>
          <a:prstGeom prst="ellipse">
            <a:avLst/>
          </a:prstGeom>
          <a:noFill/>
        </p:spPr>
        <p:txBody>
          <a:bodyPr wrap="none" lIns="864000"/>
          <a:lstStyle>
            <a:lvl1pPr marL="0" indent="0">
              <a:buNone/>
              <a:defRPr sz="563">
                <a:solidFill>
                  <a:schemeClr val="tx1"/>
                </a:solidFill>
              </a:defRPr>
            </a:lvl1pPr>
          </a:lstStyle>
          <a:p>
            <a:pPr lvl="0"/>
            <a:r>
              <a:rPr lang="da-DK" noProof="0"/>
              <a:t>Klik på ikonet for at tilføje et billede</a:t>
            </a:r>
            <a:endParaRPr lang="da-DK" noProof="0" dirty="0"/>
          </a:p>
        </p:txBody>
      </p:sp>
      <p:sp>
        <p:nvSpPr>
          <p:cNvPr id="4" name="Date Placeholder 2">
            <a:extLst>
              <a:ext uri="{FF2B5EF4-FFF2-40B4-BE49-F238E27FC236}">
                <a16:creationId xmlns:a16="http://schemas.microsoft.com/office/drawing/2014/main" id="{55C7565D-F327-1770-FD5C-8BD59D517D7E}"/>
              </a:ext>
            </a:extLst>
          </p:cNvPr>
          <p:cNvSpPr>
            <a:spLocks noGrp="1"/>
          </p:cNvSpPr>
          <p:nvPr>
            <p:ph type="dt" sz="half" idx="61"/>
          </p:nvPr>
        </p:nvSpPr>
        <p:spPr bwMode="white"/>
        <p:txBody>
          <a:bodyPr/>
          <a:lstStyle>
            <a:lvl1pPr>
              <a:defRPr/>
            </a:lvl1pPr>
          </a:lstStyle>
          <a:p>
            <a:pPr>
              <a:defRPr/>
            </a:pPr>
            <a:fld id="{BAD4C607-E87A-4F5D-93F9-ACF3EDF30822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5" name="Footer Placeholder 3">
            <a:extLst>
              <a:ext uri="{FF2B5EF4-FFF2-40B4-BE49-F238E27FC236}">
                <a16:creationId xmlns:a16="http://schemas.microsoft.com/office/drawing/2014/main" id="{D8B19B9B-50E9-BD2F-7C88-3DC9AED6F74D}"/>
              </a:ext>
            </a:extLst>
          </p:cNvPr>
          <p:cNvSpPr>
            <a:spLocks noGrp="1"/>
          </p:cNvSpPr>
          <p:nvPr>
            <p:ph type="ftr" sz="quarter" idx="62"/>
          </p:nvPr>
        </p:nvSpPr>
        <p:spPr bwMode="white"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6" name="Slide Number Placeholder 4">
            <a:extLst>
              <a:ext uri="{FF2B5EF4-FFF2-40B4-BE49-F238E27FC236}">
                <a16:creationId xmlns:a16="http://schemas.microsoft.com/office/drawing/2014/main" id="{EBFAB908-2A70-08FE-4CF4-716B5446D4E9}"/>
              </a:ext>
            </a:extLst>
          </p:cNvPr>
          <p:cNvSpPr>
            <a:spLocks noGrp="1"/>
          </p:cNvSpPr>
          <p:nvPr>
            <p:ph type="sldNum" sz="quarter" idx="63"/>
          </p:nvPr>
        </p:nvSpPr>
        <p:spPr bwMode="white"/>
        <p:txBody>
          <a:bodyPr/>
          <a:lstStyle>
            <a:lvl1pPr>
              <a:defRPr/>
            </a:lvl1pPr>
          </a:lstStyle>
          <a:p>
            <a:pPr>
              <a:defRPr/>
            </a:pPr>
            <a:fld id="{B3F833FA-2BF7-4532-91F2-FCF2A26D13E0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16907749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fslutning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ggrund">
            <a:extLst>
              <a:ext uri="{FF2B5EF4-FFF2-40B4-BE49-F238E27FC236}">
                <a16:creationId xmlns:a16="http://schemas.microsoft.com/office/drawing/2014/main" id="{2FAAC5D6-F1AB-3CED-8A2B-FF170C9337FC}"/>
              </a:ext>
            </a:extLst>
          </p:cNvPr>
          <p:cNvSpPr/>
          <p:nvPr/>
        </p:nvSpPr>
        <p:spPr>
          <a:xfrm>
            <a:off x="0" y="0"/>
            <a:ext cx="6858000" cy="12192000"/>
          </a:xfrm>
          <a:custGeom>
            <a:avLst/>
            <a:gdLst>
              <a:gd name="connsiteX0" fmla="*/ 0 w 18288000"/>
              <a:gd name="connsiteY0" fmla="*/ 0 h 10287000"/>
              <a:gd name="connsiteX1" fmla="*/ 18288000 w 18288000"/>
              <a:gd name="connsiteY1" fmla="*/ 0 h 10287000"/>
              <a:gd name="connsiteX2" fmla="*/ 18288000 w 18288000"/>
              <a:gd name="connsiteY2" fmla="*/ 10287000 h 10287000"/>
              <a:gd name="connsiteX3" fmla="*/ 0 w 18288000"/>
              <a:gd name="connsiteY3" fmla="*/ 10287000 h 10287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8288000" h="10287000">
                <a:moveTo>
                  <a:pt x="0" y="0"/>
                </a:moveTo>
                <a:lnTo>
                  <a:pt x="18288000" y="0"/>
                </a:lnTo>
                <a:lnTo>
                  <a:pt x="18288000" y="10287000"/>
                </a:lnTo>
                <a:lnTo>
                  <a:pt x="0" y="10287000"/>
                </a:lnTo>
                <a:close/>
              </a:path>
            </a:pathLst>
          </a:custGeom>
          <a:solidFill>
            <a:schemeClr val="accent2"/>
          </a:solidFill>
          <a:ln w="9525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grpSp>
        <p:nvGrpSpPr>
          <p:cNvPr id="4" name="Group 5">
            <a:extLst>
              <a:ext uri="{FF2B5EF4-FFF2-40B4-BE49-F238E27FC236}">
                <a16:creationId xmlns:a16="http://schemas.microsoft.com/office/drawing/2014/main" id="{CE99943A-F14C-6CDB-AE4E-2562FB8AAC54}"/>
              </a:ext>
            </a:extLst>
          </p:cNvPr>
          <p:cNvGrpSpPr/>
          <p:nvPr userDrawn="1"/>
        </p:nvGrpSpPr>
        <p:grpSpPr>
          <a:xfrm rot="5400000">
            <a:off x="2175199" y="3403524"/>
            <a:ext cx="8086320" cy="1279281"/>
            <a:chOff x="3408363" y="4698000"/>
            <a:chExt cx="4320001" cy="2160000"/>
          </a:xfrm>
          <a:solidFill>
            <a:schemeClr val="accent1"/>
          </a:solidFill>
        </p:grpSpPr>
        <p:sp>
          <p:nvSpPr>
            <p:cNvPr id="5" name="Rectangle 1">
              <a:extLst>
                <a:ext uri="{FF2B5EF4-FFF2-40B4-BE49-F238E27FC236}">
                  <a16:creationId xmlns:a16="http://schemas.microsoft.com/office/drawing/2014/main" id="{F350A0DE-5A6B-02DC-75AA-1771EA7C917A}"/>
                </a:ext>
              </a:extLst>
            </p:cNvPr>
            <p:cNvSpPr/>
            <p:nvPr/>
          </p:nvSpPr>
          <p:spPr>
            <a:xfrm rot="10800000">
              <a:off x="3408363" y="4698000"/>
              <a:ext cx="2160000" cy="21600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anchor="ctr"/>
            <a:lstStyle/>
            <a:p>
              <a:pPr algn="ctr" eaLnBrk="1" fontAlgn="auto" hangingPunct="1">
                <a:spcBef>
                  <a:spcPts val="0"/>
                </a:spcBef>
                <a:spcAft>
                  <a:spcPts val="0"/>
                </a:spcAft>
                <a:defRPr/>
              </a:pPr>
              <a:endParaRPr lang="da-DK" sz="900" dirty="0"/>
            </a:p>
          </p:txBody>
        </p:sp>
        <p:sp>
          <p:nvSpPr>
            <p:cNvPr id="6" name="Oval 2">
              <a:extLst>
                <a:ext uri="{FF2B5EF4-FFF2-40B4-BE49-F238E27FC236}">
                  <a16:creationId xmlns:a16="http://schemas.microsoft.com/office/drawing/2014/main" id="{061A5697-1145-20F2-35A5-AF806B0DF8AD}"/>
                </a:ext>
              </a:extLst>
            </p:cNvPr>
            <p:cNvSpPr/>
            <p:nvPr/>
          </p:nvSpPr>
          <p:spPr>
            <a:xfrm rot="10800000">
              <a:off x="5568364" y="4698000"/>
              <a:ext cx="2160000" cy="2160000"/>
            </a:xfrm>
            <a:prstGeom prst="ellips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anchor="ctr"/>
            <a:lstStyle/>
            <a:p>
              <a:pPr algn="ctr" eaLnBrk="1" fontAlgn="auto" hangingPunct="1">
                <a:spcBef>
                  <a:spcPts val="0"/>
                </a:spcBef>
                <a:spcAft>
                  <a:spcPts val="0"/>
                </a:spcAft>
                <a:defRPr/>
              </a:pPr>
              <a:endParaRPr lang="da-DK" sz="900" dirty="0"/>
            </a:p>
          </p:txBody>
        </p:sp>
      </p:grpSp>
      <p:sp>
        <p:nvSpPr>
          <p:cNvPr id="7" name="Freeform: Shape 13">
            <a:extLst>
              <a:ext uri="{FF2B5EF4-FFF2-40B4-BE49-F238E27FC236}">
                <a16:creationId xmlns:a16="http://schemas.microsoft.com/office/drawing/2014/main" id="{A9791A02-CC2C-02D8-F78C-8390800A2803}"/>
              </a:ext>
            </a:extLst>
          </p:cNvPr>
          <p:cNvSpPr/>
          <p:nvPr userDrawn="1"/>
        </p:nvSpPr>
        <p:spPr bwMode="white">
          <a:xfrm>
            <a:off x="6197600" y="639763"/>
            <a:ext cx="355600" cy="635000"/>
          </a:xfrm>
          <a:custGeom>
            <a:avLst/>
            <a:gdLst>
              <a:gd name="connsiteX0" fmla="*/ 3991223 w 5553123"/>
              <a:gd name="connsiteY0" fmla="*/ 1407246 h 3128654"/>
              <a:gd name="connsiteX1" fmla="*/ 3430346 w 5553123"/>
              <a:gd name="connsiteY1" fmla="*/ 1968030 h 3128654"/>
              <a:gd name="connsiteX2" fmla="*/ 3597555 w 5553123"/>
              <a:gd name="connsiteY2" fmla="*/ 1999879 h 3128654"/>
              <a:gd name="connsiteX3" fmla="*/ 4017277 w 5553123"/>
              <a:gd name="connsiteY3" fmla="*/ 1565700 h 3128654"/>
              <a:gd name="connsiteX4" fmla="*/ 4017243 w 5553123"/>
              <a:gd name="connsiteY4" fmla="*/ 1565803 h 3128654"/>
              <a:gd name="connsiteX5" fmla="*/ 3991223 w 5553123"/>
              <a:gd name="connsiteY5" fmla="*/ 1407246 h 3128654"/>
              <a:gd name="connsiteX6" fmla="*/ 3597692 w 5553123"/>
              <a:gd name="connsiteY6" fmla="*/ 1131487 h 3128654"/>
              <a:gd name="connsiteX7" fmla="*/ 3172031 w 5553123"/>
              <a:gd name="connsiteY7" fmla="*/ 1565700 h 3128654"/>
              <a:gd name="connsiteX8" fmla="*/ 3171997 w 5553123"/>
              <a:gd name="connsiteY8" fmla="*/ 1565803 h 3128654"/>
              <a:gd name="connsiteX9" fmla="*/ 3197296 w 5553123"/>
              <a:gd name="connsiteY9" fmla="*/ 1722061 h 3128654"/>
              <a:gd name="connsiteX10" fmla="*/ 3757830 w 5553123"/>
              <a:gd name="connsiteY10" fmla="*/ 1161723 h 3128654"/>
              <a:gd name="connsiteX11" fmla="*/ 3597692 w 5553123"/>
              <a:gd name="connsiteY11" fmla="*/ 1131487 h 3128654"/>
              <a:gd name="connsiteX12" fmla="*/ 2205438 w 5553123"/>
              <a:gd name="connsiteY12" fmla="*/ 837298 h 3128654"/>
              <a:gd name="connsiteX13" fmla="*/ 2590180 w 5553123"/>
              <a:gd name="connsiteY13" fmla="*/ 837298 h 3128654"/>
              <a:gd name="connsiteX14" fmla="*/ 2590180 w 5553123"/>
              <a:gd name="connsiteY14" fmla="*/ 2548651 h 3128654"/>
              <a:gd name="connsiteX15" fmla="*/ 2015984 w 5553123"/>
              <a:gd name="connsiteY15" fmla="*/ 3128654 h 3128654"/>
              <a:gd name="connsiteX16" fmla="*/ 1756572 w 5553123"/>
              <a:gd name="connsiteY16" fmla="*/ 3073262 h 3128654"/>
              <a:gd name="connsiteX17" fmla="*/ 1844038 w 5553123"/>
              <a:gd name="connsiteY17" fmla="*/ 2761571 h 3128654"/>
              <a:gd name="connsiteX18" fmla="*/ 1989724 w 5553123"/>
              <a:gd name="connsiteY18" fmla="*/ 2787791 h 3128654"/>
              <a:gd name="connsiteX19" fmla="*/ 2205438 w 5553123"/>
              <a:gd name="connsiteY19" fmla="*/ 2548857 h 3128654"/>
              <a:gd name="connsiteX20" fmla="*/ 4139105 w 5553123"/>
              <a:gd name="connsiteY20" fmla="*/ 780499 h 3128654"/>
              <a:gd name="connsiteX21" fmla="*/ 4378642 w 5553123"/>
              <a:gd name="connsiteY21" fmla="*/ 1020017 h 3128654"/>
              <a:gd name="connsiteX22" fmla="*/ 4263474 w 5553123"/>
              <a:gd name="connsiteY22" fmla="*/ 1135365 h 3128654"/>
              <a:gd name="connsiteX23" fmla="*/ 4390485 w 5553123"/>
              <a:gd name="connsiteY23" fmla="*/ 1565769 h 3128654"/>
              <a:gd name="connsiteX24" fmla="*/ 3597520 w 5553123"/>
              <a:gd name="connsiteY24" fmla="*/ 2335080 h 3128654"/>
              <a:gd name="connsiteX25" fmla="*/ 3173748 w 5553123"/>
              <a:gd name="connsiteY25" fmla="*/ 2224604 h 3128654"/>
              <a:gd name="connsiteX26" fmla="*/ 3050169 w 5553123"/>
              <a:gd name="connsiteY26" fmla="*/ 2348155 h 3128654"/>
              <a:gd name="connsiteX27" fmla="*/ 2810563 w 5553123"/>
              <a:gd name="connsiteY27" fmla="*/ 2108707 h 3128654"/>
              <a:gd name="connsiteX28" fmla="*/ 2925320 w 5553123"/>
              <a:gd name="connsiteY28" fmla="*/ 1993976 h 3128654"/>
              <a:gd name="connsiteX29" fmla="*/ 2798892 w 5553123"/>
              <a:gd name="connsiteY29" fmla="*/ 1565838 h 3128654"/>
              <a:gd name="connsiteX30" fmla="*/ 3597486 w 5553123"/>
              <a:gd name="connsiteY30" fmla="*/ 793644 h 3128654"/>
              <a:gd name="connsiteX31" fmla="*/ 4015526 w 5553123"/>
              <a:gd name="connsiteY31" fmla="*/ 904050 h 3128654"/>
              <a:gd name="connsiteX32" fmla="*/ 396379 w 5553123"/>
              <a:gd name="connsiteY32" fmla="*/ 435140 h 3128654"/>
              <a:gd name="connsiteX33" fmla="*/ 396379 w 5553123"/>
              <a:gd name="connsiteY33" fmla="*/ 1932956 h 3128654"/>
              <a:gd name="connsiteX34" fmla="*/ 846344 w 5553123"/>
              <a:gd name="connsiteY34" fmla="*/ 1932956 h 3128654"/>
              <a:gd name="connsiteX35" fmla="*/ 1601274 w 5553123"/>
              <a:gd name="connsiteY35" fmla="*/ 1184065 h 3128654"/>
              <a:gd name="connsiteX36" fmla="*/ 846344 w 5553123"/>
              <a:gd name="connsiteY36" fmla="*/ 435140 h 3128654"/>
              <a:gd name="connsiteX37" fmla="*/ 0 w 5553123"/>
              <a:gd name="connsiteY37" fmla="*/ 76739 h 3128654"/>
              <a:gd name="connsiteX38" fmla="*/ 820049 w 5553123"/>
              <a:gd name="connsiteY38" fmla="*/ 76739 h 3128654"/>
              <a:gd name="connsiteX39" fmla="*/ 2000502 w 5553123"/>
              <a:gd name="connsiteY39" fmla="*/ 1184065 h 3128654"/>
              <a:gd name="connsiteX40" fmla="*/ 820049 w 5553123"/>
              <a:gd name="connsiteY40" fmla="*/ 2291391 h 3128654"/>
              <a:gd name="connsiteX41" fmla="*/ 0 w 5553123"/>
              <a:gd name="connsiteY41" fmla="*/ 2291391 h 3128654"/>
              <a:gd name="connsiteX42" fmla="*/ 5214998 w 5553123"/>
              <a:gd name="connsiteY42" fmla="*/ 0 h 3128654"/>
              <a:gd name="connsiteX43" fmla="*/ 5474410 w 5553123"/>
              <a:gd name="connsiteY43" fmla="*/ 55393 h 3128654"/>
              <a:gd name="connsiteX44" fmla="*/ 5386944 w 5553123"/>
              <a:gd name="connsiteY44" fmla="*/ 367187 h 3128654"/>
              <a:gd name="connsiteX45" fmla="*/ 5241258 w 5553123"/>
              <a:gd name="connsiteY45" fmla="*/ 340932 h 3128654"/>
              <a:gd name="connsiteX46" fmla="*/ 5025544 w 5553123"/>
              <a:gd name="connsiteY46" fmla="*/ 579901 h 3128654"/>
              <a:gd name="connsiteX47" fmla="*/ 5025544 w 5553123"/>
              <a:gd name="connsiteY47" fmla="*/ 837299 h 3128654"/>
              <a:gd name="connsiteX48" fmla="*/ 5553123 w 5553123"/>
              <a:gd name="connsiteY48" fmla="*/ 837402 h 3128654"/>
              <a:gd name="connsiteX49" fmla="*/ 5553123 w 5553123"/>
              <a:gd name="connsiteY49" fmla="*/ 1152113 h 3128654"/>
              <a:gd name="connsiteX50" fmla="*/ 5025544 w 5553123"/>
              <a:gd name="connsiteY50" fmla="*/ 1152113 h 3128654"/>
              <a:gd name="connsiteX51" fmla="*/ 5025544 w 5553123"/>
              <a:gd name="connsiteY51" fmla="*/ 2291528 h 3128654"/>
              <a:gd name="connsiteX52" fmla="*/ 4640802 w 5553123"/>
              <a:gd name="connsiteY52" fmla="*/ 2291528 h 3128654"/>
              <a:gd name="connsiteX53" fmla="*/ 4640802 w 5553123"/>
              <a:gd name="connsiteY53" fmla="*/ 1152113 h 3128654"/>
              <a:gd name="connsiteX54" fmla="*/ 4423612 w 5553123"/>
              <a:gd name="connsiteY54" fmla="*/ 1152113 h 3128654"/>
              <a:gd name="connsiteX55" fmla="*/ 4423612 w 5553123"/>
              <a:gd name="connsiteY55" fmla="*/ 837402 h 3128654"/>
              <a:gd name="connsiteX56" fmla="*/ 4640802 w 5553123"/>
              <a:gd name="connsiteY56" fmla="*/ 837402 h 3128654"/>
              <a:gd name="connsiteX57" fmla="*/ 4640802 w 5553123"/>
              <a:gd name="connsiteY57" fmla="*/ 580004 h 3128654"/>
              <a:gd name="connsiteX58" fmla="*/ 5214998 w 5553123"/>
              <a:gd name="connsiteY58" fmla="*/ 0 h 31286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5553123" h="3128654">
                <a:moveTo>
                  <a:pt x="3991223" y="1407246"/>
                </a:moveTo>
                <a:lnTo>
                  <a:pt x="3430346" y="1968030"/>
                </a:lnTo>
                <a:cubicBezTo>
                  <a:pt x="3483553" y="1989213"/>
                  <a:pt x="3540297" y="2000023"/>
                  <a:pt x="3597555" y="1999879"/>
                </a:cubicBezTo>
                <a:cubicBezTo>
                  <a:pt x="3819070" y="1999879"/>
                  <a:pt x="4017277" y="1836826"/>
                  <a:pt x="4017277" y="1565700"/>
                </a:cubicBezTo>
                <a:lnTo>
                  <a:pt x="4017243" y="1565803"/>
                </a:lnTo>
                <a:cubicBezTo>
                  <a:pt x="4017518" y="1511866"/>
                  <a:pt x="4008729" y="1458269"/>
                  <a:pt x="3991223" y="1407246"/>
                </a:cubicBezTo>
                <a:close/>
                <a:moveTo>
                  <a:pt x="3597692" y="1131487"/>
                </a:moveTo>
                <a:cubicBezTo>
                  <a:pt x="3370204" y="1131487"/>
                  <a:pt x="3172031" y="1294574"/>
                  <a:pt x="3172031" y="1565700"/>
                </a:cubicBezTo>
                <a:lnTo>
                  <a:pt x="3171997" y="1565803"/>
                </a:lnTo>
                <a:cubicBezTo>
                  <a:pt x="3171757" y="1618927"/>
                  <a:pt x="3180304" y="1671724"/>
                  <a:pt x="3197296" y="1722061"/>
                </a:cubicBezTo>
                <a:lnTo>
                  <a:pt x="3757830" y="1161723"/>
                </a:lnTo>
                <a:cubicBezTo>
                  <a:pt x="3706819" y="1141649"/>
                  <a:pt x="3652513" y="1131391"/>
                  <a:pt x="3597692" y="1131487"/>
                </a:cubicBezTo>
                <a:close/>
                <a:moveTo>
                  <a:pt x="2205438" y="837298"/>
                </a:moveTo>
                <a:lnTo>
                  <a:pt x="2590180" y="837298"/>
                </a:lnTo>
                <a:lnTo>
                  <a:pt x="2590180" y="2548651"/>
                </a:lnTo>
                <a:cubicBezTo>
                  <a:pt x="2590180" y="2895520"/>
                  <a:pt x="2359911" y="3128654"/>
                  <a:pt x="2015984" y="3128654"/>
                </a:cubicBezTo>
                <a:cubicBezTo>
                  <a:pt x="1922717" y="3128654"/>
                  <a:pt x="1838202" y="3111014"/>
                  <a:pt x="1756572" y="3073262"/>
                </a:cubicBezTo>
                <a:lnTo>
                  <a:pt x="1844038" y="2761571"/>
                </a:lnTo>
                <a:cubicBezTo>
                  <a:pt x="1896456" y="2779074"/>
                  <a:pt x="1948909" y="2787791"/>
                  <a:pt x="1989724" y="2787791"/>
                </a:cubicBezTo>
                <a:cubicBezTo>
                  <a:pt x="2118006" y="2787791"/>
                  <a:pt x="2205438" y="2691627"/>
                  <a:pt x="2205438" y="2548857"/>
                </a:cubicBezTo>
                <a:close/>
                <a:moveTo>
                  <a:pt x="4139105" y="780499"/>
                </a:moveTo>
                <a:lnTo>
                  <a:pt x="4378642" y="1020017"/>
                </a:lnTo>
                <a:lnTo>
                  <a:pt x="4263474" y="1135365"/>
                </a:lnTo>
                <a:cubicBezTo>
                  <a:pt x="4343457" y="1255038"/>
                  <a:pt x="4390485" y="1401034"/>
                  <a:pt x="4390485" y="1565769"/>
                </a:cubicBezTo>
                <a:cubicBezTo>
                  <a:pt x="4390485" y="2023285"/>
                  <a:pt x="4028880" y="2335080"/>
                  <a:pt x="3597520" y="2335080"/>
                </a:cubicBezTo>
                <a:cubicBezTo>
                  <a:pt x="3442429" y="2335080"/>
                  <a:pt x="3296983" y="2295681"/>
                  <a:pt x="3173748" y="2224604"/>
                </a:cubicBezTo>
                <a:lnTo>
                  <a:pt x="3050169" y="2348155"/>
                </a:lnTo>
                <a:lnTo>
                  <a:pt x="2810563" y="2108707"/>
                </a:lnTo>
                <a:lnTo>
                  <a:pt x="2925320" y="1993976"/>
                </a:lnTo>
                <a:cubicBezTo>
                  <a:pt x="2845543" y="1875058"/>
                  <a:pt x="2798892" y="1729886"/>
                  <a:pt x="2798892" y="1565838"/>
                </a:cubicBezTo>
                <a:cubicBezTo>
                  <a:pt x="2798892" y="1108390"/>
                  <a:pt x="3160291" y="793644"/>
                  <a:pt x="3597486" y="793644"/>
                </a:cubicBezTo>
                <a:cubicBezTo>
                  <a:pt x="3749866" y="793644"/>
                  <a:pt x="3893424" y="833077"/>
                  <a:pt x="4015526" y="904050"/>
                </a:cubicBezTo>
                <a:close/>
                <a:moveTo>
                  <a:pt x="396379" y="435140"/>
                </a:moveTo>
                <a:lnTo>
                  <a:pt x="396379" y="1932956"/>
                </a:lnTo>
                <a:lnTo>
                  <a:pt x="846344" y="1932956"/>
                </a:lnTo>
                <a:cubicBezTo>
                  <a:pt x="1298059" y="1932956"/>
                  <a:pt x="1601274" y="1632830"/>
                  <a:pt x="1601274" y="1184065"/>
                </a:cubicBezTo>
                <a:cubicBezTo>
                  <a:pt x="1601274" y="735300"/>
                  <a:pt x="1298128" y="435140"/>
                  <a:pt x="846344" y="435140"/>
                </a:cubicBezTo>
                <a:close/>
                <a:moveTo>
                  <a:pt x="0" y="76739"/>
                </a:moveTo>
                <a:lnTo>
                  <a:pt x="820049" y="76739"/>
                </a:lnTo>
                <a:cubicBezTo>
                  <a:pt x="1528328" y="76739"/>
                  <a:pt x="2000502" y="519670"/>
                  <a:pt x="2000502" y="1184065"/>
                </a:cubicBezTo>
                <a:cubicBezTo>
                  <a:pt x="2000502" y="1848460"/>
                  <a:pt x="1528328" y="2291391"/>
                  <a:pt x="820049" y="2291391"/>
                </a:cubicBezTo>
                <a:lnTo>
                  <a:pt x="0" y="2291391"/>
                </a:lnTo>
                <a:close/>
                <a:moveTo>
                  <a:pt x="5214998" y="0"/>
                </a:moveTo>
                <a:cubicBezTo>
                  <a:pt x="5308265" y="0"/>
                  <a:pt x="5392780" y="17641"/>
                  <a:pt x="5474410" y="55393"/>
                </a:cubicBezTo>
                <a:lnTo>
                  <a:pt x="5386944" y="367187"/>
                </a:lnTo>
                <a:cubicBezTo>
                  <a:pt x="5334526" y="349684"/>
                  <a:pt x="5282074" y="340932"/>
                  <a:pt x="5241258" y="340932"/>
                </a:cubicBezTo>
                <a:cubicBezTo>
                  <a:pt x="5112976" y="340932"/>
                  <a:pt x="5025544" y="437131"/>
                  <a:pt x="5025544" y="579901"/>
                </a:cubicBezTo>
                <a:lnTo>
                  <a:pt x="5025544" y="837299"/>
                </a:lnTo>
                <a:lnTo>
                  <a:pt x="5553123" y="837402"/>
                </a:lnTo>
                <a:lnTo>
                  <a:pt x="5553123" y="1152113"/>
                </a:lnTo>
                <a:lnTo>
                  <a:pt x="5025544" y="1152113"/>
                </a:lnTo>
                <a:lnTo>
                  <a:pt x="5025544" y="2291528"/>
                </a:lnTo>
                <a:lnTo>
                  <a:pt x="4640802" y="2291528"/>
                </a:lnTo>
                <a:lnTo>
                  <a:pt x="4640802" y="1152113"/>
                </a:lnTo>
                <a:lnTo>
                  <a:pt x="4423612" y="1152113"/>
                </a:lnTo>
                <a:lnTo>
                  <a:pt x="4423612" y="837402"/>
                </a:lnTo>
                <a:lnTo>
                  <a:pt x="4640802" y="837402"/>
                </a:lnTo>
                <a:lnTo>
                  <a:pt x="4640802" y="580004"/>
                </a:lnTo>
                <a:cubicBezTo>
                  <a:pt x="4640802" y="233134"/>
                  <a:pt x="4871070" y="0"/>
                  <a:pt x="5214998" y="0"/>
                </a:cubicBezTo>
                <a:close/>
              </a:path>
            </a:pathLst>
          </a:custGeom>
          <a:solidFill>
            <a:srgbClr val="FFFFFF"/>
          </a:solidFill>
          <a:ln w="3432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 bwMode="white">
          <a:xfrm>
            <a:off x="1916311" y="3812823"/>
            <a:ext cx="3024485" cy="4441600"/>
          </a:xfrm>
        </p:spPr>
        <p:txBody>
          <a:bodyPr anchor="ctr"/>
          <a:lstStyle>
            <a:lvl1pPr>
              <a:defRPr sz="3038">
                <a:solidFill>
                  <a:schemeClr val="tx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8" name="Date Placeholder 2">
            <a:extLst>
              <a:ext uri="{FF2B5EF4-FFF2-40B4-BE49-F238E27FC236}">
                <a16:creationId xmlns:a16="http://schemas.microsoft.com/office/drawing/2014/main" id="{3E9710C3-0322-5762-B611-3601C0571DD3}"/>
              </a:ext>
            </a:extLst>
          </p:cNvPr>
          <p:cNvSpPr>
            <a:spLocks noGrp="1"/>
          </p:cNvSpPr>
          <p:nvPr>
            <p:ph type="dt" sz="half" idx="10"/>
          </p:nvPr>
        </p:nvSpPr>
        <p:spPr bwMode="white"/>
        <p:txBody>
          <a:bodyPr/>
          <a:lstStyle>
            <a:lvl1pPr>
              <a:defRPr/>
            </a:lvl1pPr>
          </a:lstStyle>
          <a:p>
            <a:pPr>
              <a:defRPr/>
            </a:pPr>
            <a:fld id="{FA0F5A5C-7A24-4071-8B9D-3E76DBC6BD8D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9" name="Footer Placeholder 3">
            <a:extLst>
              <a:ext uri="{FF2B5EF4-FFF2-40B4-BE49-F238E27FC236}">
                <a16:creationId xmlns:a16="http://schemas.microsoft.com/office/drawing/2014/main" id="{6D27B920-E8A9-4525-911F-6137A73565D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 bwMode="white"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10" name="Slide Number Placeholder 4">
            <a:extLst>
              <a:ext uri="{FF2B5EF4-FFF2-40B4-BE49-F238E27FC236}">
                <a16:creationId xmlns:a16="http://schemas.microsoft.com/office/drawing/2014/main" id="{E9A475DC-39BA-FA84-2FCA-84278C9A608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 bwMode="white"/>
        <p:txBody>
          <a:bodyPr/>
          <a:lstStyle>
            <a:lvl1pPr>
              <a:defRPr/>
            </a:lvl1pPr>
          </a:lstStyle>
          <a:p>
            <a:pPr>
              <a:defRPr/>
            </a:pPr>
            <a:fld id="{3A6D469A-788C-4638-8EC7-5F820E0B5F85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53848050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ugerguide O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Box 3">
            <a:extLst>
              <a:ext uri="{FF2B5EF4-FFF2-40B4-BE49-F238E27FC236}">
                <a16:creationId xmlns:a16="http://schemas.microsoft.com/office/drawing/2014/main" id="{B332A164-6934-C564-D7D3-1E30C560D798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2444750" y="2638425"/>
            <a:ext cx="1558925" cy="8343900"/>
          </a:xfrm>
          <a:prstGeom prst="rect">
            <a:avLst/>
          </a:prstGeom>
          <a:noFill/>
          <a:ln>
            <a:noFill/>
          </a:ln>
        </p:spPr>
        <p:txBody>
          <a:bodyPr lIns="0" tIns="0" rIns="81000" bIns="0"/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defTabSz="514356" eaLnBrk="1" fontAlgn="auto" hangingPunct="1">
              <a:spcBef>
                <a:spcPts val="675"/>
              </a:spcBef>
              <a:spcAft>
                <a:spcPts val="338"/>
              </a:spcAft>
              <a:defRPr/>
            </a:pPr>
            <a:r>
              <a:rPr lang="da-DK" sz="900" dirty="0">
                <a:latin typeface="+mn-lt"/>
                <a:cs typeface="Arial" panose="020B0604020202020204" pitchFamily="34" charset="0"/>
              </a:rPr>
              <a:t>BILLEDER</a:t>
            </a:r>
            <a:br>
              <a:rPr lang="da-DK" sz="900" dirty="0">
                <a:latin typeface="+mn-lt"/>
                <a:cs typeface="Arial" panose="020B0604020202020204" pitchFamily="34" charset="0"/>
              </a:rPr>
            </a:br>
            <a:r>
              <a:rPr lang="da-DK" sz="506" b="1" noProof="1">
                <a:latin typeface="+mn-lt"/>
                <a:cs typeface="Arial" panose="020B0604020202020204" pitchFamily="34" charset="0"/>
              </a:rPr>
              <a:t>Indsæt fra Templafy</a:t>
            </a:r>
            <a:endParaRPr lang="da-DK" altLang="da-DK" sz="506" noProof="1">
              <a:latin typeface="+mn-lt"/>
              <a:cs typeface="Arial" panose="020B0604020202020204" pitchFamily="34" charset="0"/>
            </a:endParaRPr>
          </a:p>
          <a:p>
            <a:pPr defTabSz="514356"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1. 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Klik på den blå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Templafy 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knap</a:t>
            </a:r>
          </a:p>
          <a:p>
            <a:pPr defTabSz="514356"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2. 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I dropdown menuen, vælg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Images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, klik på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Skyfish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 knappen i Templafy vinduet i højre side af skærmen</a:t>
            </a:r>
          </a:p>
          <a:p>
            <a:pPr defTabSz="514356"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endParaRPr lang="da-DK" altLang="da-DK" sz="506" noProof="1">
              <a:latin typeface="+mn-lt"/>
              <a:cs typeface="Arial" panose="020B0604020202020204" pitchFamily="34" charset="0"/>
            </a:endParaRPr>
          </a:p>
          <a:p>
            <a:pPr defTabSz="514356"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Indsæt billede</a:t>
            </a:r>
          </a:p>
          <a:p>
            <a:pPr defTabSz="514356"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På slides med billedpladsholder, klik på ikonet og vælg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Indsæt 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for at søge efter billede</a:t>
            </a:r>
            <a:endParaRPr lang="da-DK" altLang="da-DK" sz="506" b="1" noProof="1">
              <a:latin typeface="+mn-lt"/>
              <a:cs typeface="Arial" panose="020B0604020202020204" pitchFamily="34" charset="0"/>
            </a:endParaRPr>
          </a:p>
          <a:p>
            <a:pPr eaLnBrk="1" fontAlgn="auto" hangingPunct="1">
              <a:spcBef>
                <a:spcPts val="675"/>
              </a:spcBef>
              <a:spcAft>
                <a:spcPts val="338"/>
              </a:spcAft>
              <a:defRPr/>
            </a:pPr>
            <a:r>
              <a:rPr lang="da-DK" sz="506" b="1" noProof="1">
                <a:latin typeface="+mn-lt"/>
                <a:cs typeface="Arial" panose="020B0604020202020204" pitchFamily="34" charset="0"/>
              </a:rPr>
              <a:t>Beskær billede</a:t>
            </a:r>
          </a:p>
          <a:p>
            <a:pPr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1. 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Klik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Beskær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 for at ændre billedets fokus/størrelse</a:t>
            </a:r>
          </a:p>
          <a:p>
            <a:pPr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2. 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Ønsker du at skalere billedet, så hold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SHIFT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-knappen nede, mens du trækker i billedets hjørner</a:t>
            </a:r>
          </a:p>
          <a:p>
            <a:pPr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br>
              <a:rPr lang="da-DK" altLang="da-DK" sz="506" noProof="1">
                <a:latin typeface="+mn-lt"/>
                <a:cs typeface="Arial" panose="020B0604020202020204" pitchFamily="34" charset="0"/>
              </a:rPr>
            </a:b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TIP: 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Hvis du sletter billedet og indsætter et nyt, kan billedet lægge sig foran tekst og grafik. Hvis dette sker, højreklik på billedet og vælg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Placer bagest</a:t>
            </a:r>
          </a:p>
          <a:p>
            <a:pPr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endParaRPr lang="da-DK" altLang="da-DK" sz="506" b="1" noProof="1">
              <a:latin typeface="+mn-lt"/>
              <a:cs typeface="Arial" panose="020B0604020202020204" pitchFamily="34" charset="0"/>
            </a:endParaRPr>
          </a:p>
          <a:p>
            <a:pPr defTabSz="514356"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sz="900" dirty="0">
                <a:latin typeface="+mn-lt"/>
                <a:cs typeface="Arial" panose="020B0604020202020204" pitchFamily="34" charset="0"/>
              </a:rPr>
              <a:t>HJÆLPELINJER</a:t>
            </a:r>
            <a:endParaRPr lang="da-DK" altLang="da-DK" sz="900" noProof="1">
              <a:latin typeface="+mn-lt"/>
              <a:cs typeface="Arial" panose="020B0604020202020204" pitchFamily="34" charset="0"/>
            </a:endParaRPr>
          </a:p>
          <a:p>
            <a:pPr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Klik på fanen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Vis 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og sæt hak ved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Hjælpelinjer</a:t>
            </a:r>
          </a:p>
          <a:p>
            <a:pPr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TIP: Alt + F9 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for hurtig visning af hjælpelinjer</a:t>
            </a:r>
            <a:br>
              <a:rPr lang="da-DK" altLang="da-DK" sz="506" noProof="1">
                <a:latin typeface="+mn-lt"/>
                <a:cs typeface="Arial" panose="020B0604020202020204" pitchFamily="34" charset="0"/>
              </a:rPr>
            </a:b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Mac: </a:t>
            </a:r>
            <a:r>
              <a:rPr lang="da-DK" sz="506" dirty="0">
                <a:solidFill>
                  <a:srgbClr val="333333"/>
                </a:solidFill>
                <a:latin typeface="Arial"/>
              </a:rPr>
              <a:t>⌘ 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+ option + ctrl + G</a:t>
            </a:r>
            <a:endParaRPr lang="da-DK" altLang="da-DK" sz="506" b="1" noProof="1">
              <a:latin typeface="+mn-lt"/>
              <a:cs typeface="Arial" panose="020B0604020202020204" pitchFamily="34" charset="0"/>
            </a:endParaRPr>
          </a:p>
        </p:txBody>
      </p:sp>
      <p:grpSp>
        <p:nvGrpSpPr>
          <p:cNvPr id="3" name="Gruppe 9">
            <a:extLst>
              <a:ext uri="{FF2B5EF4-FFF2-40B4-BE49-F238E27FC236}">
                <a16:creationId xmlns:a16="http://schemas.microsoft.com/office/drawing/2014/main" id="{1FEE5F50-C81C-F502-7606-A25079BF8CEC}"/>
              </a:ext>
            </a:extLst>
          </p:cNvPr>
          <p:cNvGrpSpPr>
            <a:grpSpLocks/>
          </p:cNvGrpSpPr>
          <p:nvPr userDrawn="1"/>
        </p:nvGrpSpPr>
        <p:grpSpPr bwMode="auto">
          <a:xfrm>
            <a:off x="4011613" y="3100388"/>
            <a:ext cx="381000" cy="1773237"/>
            <a:chOff x="6442771" y="2574072"/>
            <a:chExt cx="676669" cy="997704"/>
          </a:xfrm>
        </p:grpSpPr>
        <p:pic>
          <p:nvPicPr>
            <p:cNvPr id="4" name="Billede 10">
              <a:extLst>
                <a:ext uri="{FF2B5EF4-FFF2-40B4-BE49-F238E27FC236}">
                  <a16:creationId xmlns:a16="http://schemas.microsoft.com/office/drawing/2014/main" id="{39373C3E-EE9D-3AD4-5CE5-1381D3526C97}"/>
                </a:ext>
              </a:extLst>
            </p:cNvPr>
            <p:cNvPicPr>
              <a:picLocks noChangeAspect="1" noChangeArrowheads="1"/>
            </p:cNvPicPr>
            <p:nvPr userDrawn="1"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442771" y="2574072"/>
              <a:ext cx="305786" cy="36585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5" name="Billede 4">
              <a:extLst>
                <a:ext uri="{FF2B5EF4-FFF2-40B4-BE49-F238E27FC236}">
                  <a16:creationId xmlns:a16="http://schemas.microsoft.com/office/drawing/2014/main" id="{11629E71-0DBB-C8C0-F856-46D21155CBCE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3"/>
            <a:srcRect l="1432" t="16308" r="2422" b="1509"/>
            <a:stretch/>
          </p:blipFill>
          <p:spPr>
            <a:xfrm>
              <a:off x="6445590" y="2942963"/>
              <a:ext cx="673850" cy="628813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sp>
        <p:nvSpPr>
          <p:cNvPr id="6" name="Text Box 3">
            <a:extLst>
              <a:ext uri="{FF2B5EF4-FFF2-40B4-BE49-F238E27FC236}">
                <a16:creationId xmlns:a16="http://schemas.microsoft.com/office/drawing/2014/main" id="{599668C1-D57F-2C2C-A0FA-61816F41F87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754563" y="2659063"/>
            <a:ext cx="1609725" cy="8304212"/>
          </a:xfrm>
          <a:prstGeom prst="rect">
            <a:avLst/>
          </a:prstGeom>
          <a:noFill/>
          <a:ln>
            <a:noFill/>
          </a:ln>
        </p:spPr>
        <p:txBody>
          <a:bodyPr lIns="0" tIns="0" rIns="81000" bIns="0"/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defTabSz="514356"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sz="900" dirty="0">
                <a:latin typeface="+mn-lt"/>
                <a:cs typeface="Arial" panose="020B0604020202020204" pitchFamily="34" charset="0"/>
              </a:rPr>
              <a:t>SIDEHOVED &amp; -FOD</a:t>
            </a:r>
            <a:endParaRPr lang="da-DK" altLang="da-DK" sz="900" noProof="1">
              <a:latin typeface="+mn-lt"/>
              <a:cs typeface="Arial" panose="020B0604020202020204" pitchFamily="34" charset="0"/>
            </a:endParaRPr>
          </a:p>
          <a:p>
            <a:pPr defTabSz="514356"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Gør dette som det sidste i din præsentation, så ændringerne slår igennem på alle slides</a:t>
            </a:r>
            <a:endParaRPr lang="da-DK" sz="506" b="1" noProof="1">
              <a:latin typeface="+mn-lt"/>
              <a:cs typeface="Arial" panose="020B0604020202020204" pitchFamily="34" charset="0"/>
            </a:endParaRPr>
          </a:p>
          <a:p>
            <a:pPr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Klik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Sidehoved og Sidefod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 i fanen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Indsæt</a:t>
            </a:r>
            <a:br>
              <a:rPr lang="da-DK" altLang="da-DK" sz="506" noProof="1">
                <a:latin typeface="+mn-lt"/>
                <a:cs typeface="Arial" panose="020B0604020202020204" pitchFamily="34" charset="0"/>
              </a:rPr>
            </a:b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(indtast evt.. Datoi dato feltet og tekst i sidefod) Vælg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Anvend på alle 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eller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Anvend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 hvis det kun skal være på et enkelt slide</a:t>
            </a:r>
          </a:p>
          <a:p>
            <a:pPr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endParaRPr lang="da-DK" altLang="da-DK" sz="506" noProof="1">
              <a:latin typeface="+mn-lt"/>
              <a:cs typeface="Arial" panose="020B0604020202020204" pitchFamily="34" charset="0"/>
            </a:endParaRPr>
          </a:p>
          <a:p>
            <a:pPr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altLang="da-DK" sz="900" noProof="1">
                <a:latin typeface="+mn-lt"/>
                <a:cs typeface="Arial" panose="020B0604020202020204" pitchFamily="34" charset="0"/>
              </a:rPr>
              <a:t>COPY/PASTE INDHOLD</a:t>
            </a:r>
          </a:p>
          <a:p>
            <a:pPr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Du har 2 muligheder, når du kopierer gammelt indhold over i din nye præsentation:</a:t>
            </a:r>
          </a:p>
          <a:p>
            <a:pPr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1. Best practice: 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Opret et slide i din nye præsentation og kopier ét indholdselement ad gangen (fx kopier al tekst fra én tekstboks)</a:t>
            </a:r>
          </a:p>
          <a:p>
            <a:pPr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2. 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Eller kopier et helt slide over i din nye præsentation og vælg derefter et passende layout . Husk at slette de gamle, forkerte layouts (gå i Vis &gt; Slidemaster og slet dem)</a:t>
            </a:r>
          </a:p>
          <a:p>
            <a:pPr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endParaRPr lang="da-DK" altLang="da-DK" sz="506" noProof="1">
              <a:latin typeface="+mn-lt"/>
              <a:cs typeface="Arial" panose="020B0604020202020204" pitchFamily="34" charset="0"/>
            </a:endParaRPr>
          </a:p>
          <a:p>
            <a:pPr defTabSz="514356"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sz="900" dirty="0">
                <a:latin typeface="+mn-lt"/>
                <a:cs typeface="Arial" panose="020B0604020202020204" pitchFamily="34" charset="0"/>
              </a:rPr>
              <a:t>SLIDES &amp; SLIDE ELEMENTS</a:t>
            </a:r>
            <a:endParaRPr lang="da-DK" altLang="da-DK" sz="900" noProof="1">
              <a:latin typeface="+mn-lt"/>
              <a:cs typeface="Arial" panose="020B0604020202020204" pitchFamily="34" charset="0"/>
            </a:endParaRPr>
          </a:p>
          <a:p>
            <a:pPr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Indsæt prædefineret slides og elementer </a:t>
            </a:r>
            <a:br>
              <a:rPr lang="da-DK" altLang="da-DK" sz="506" noProof="1">
                <a:latin typeface="+mn-lt"/>
                <a:cs typeface="Arial" panose="020B0604020202020204" pitchFamily="34" charset="0"/>
              </a:rPr>
            </a:b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fra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Templafy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 knappen. Vælg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Slides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 og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Slide elements 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fra dropdown menuen eller </a:t>
            </a:r>
            <a:br>
              <a:rPr lang="da-DK" altLang="da-DK" sz="506" noProof="1">
                <a:latin typeface="+mn-lt"/>
                <a:cs typeface="Arial" panose="020B0604020202020204" pitchFamily="34" charset="0"/>
              </a:rPr>
            </a:b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knapperne i Templafy vinduet i højre side </a:t>
            </a:r>
            <a:br>
              <a:rPr lang="da-DK" altLang="da-DK" sz="506" noProof="1">
                <a:latin typeface="+mn-lt"/>
                <a:cs typeface="Arial" panose="020B0604020202020204" pitchFamily="34" charset="0"/>
              </a:rPr>
            </a:b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af skærmen</a:t>
            </a:r>
          </a:p>
          <a:p>
            <a:pPr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endParaRPr lang="da-DK" altLang="da-DK" sz="506" noProof="1">
              <a:latin typeface="+mn-lt"/>
              <a:cs typeface="Arial" panose="020B0604020202020204" pitchFamily="34" charset="0"/>
            </a:endParaRPr>
          </a:p>
        </p:txBody>
      </p:sp>
      <p:sp>
        <p:nvSpPr>
          <p:cNvPr id="7" name="Text Box 2">
            <a:extLst>
              <a:ext uri="{FF2B5EF4-FFF2-40B4-BE49-F238E27FC236}">
                <a16:creationId xmlns:a16="http://schemas.microsoft.com/office/drawing/2014/main" id="{F171FC44-FFBB-2C6D-6B5B-AA76A663CC79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03213" y="2638425"/>
            <a:ext cx="1558925" cy="8324850"/>
          </a:xfrm>
          <a:prstGeom prst="rect">
            <a:avLst/>
          </a:prstGeom>
          <a:noFill/>
          <a:ln>
            <a:noFill/>
          </a:ln>
        </p:spPr>
        <p:txBody>
          <a:bodyPr lIns="0" tIns="0" rIns="81000" bIns="0"/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defTabSz="514356"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sz="900" dirty="0">
                <a:latin typeface="+mn-lt"/>
                <a:cs typeface="Arial" panose="020B0604020202020204" pitchFamily="34" charset="0"/>
              </a:rPr>
              <a:t>TYPOGRAFIER</a:t>
            </a:r>
            <a:endParaRPr lang="da-DK" altLang="da-DK" sz="900" noProof="1">
              <a:latin typeface="+mn-lt"/>
              <a:cs typeface="Arial" panose="020B0604020202020204" pitchFamily="34" charset="0"/>
            </a:endParaRPr>
          </a:p>
          <a:p>
            <a:pPr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Brug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 TAB 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for at gå frem i tekst-niveauer. Klik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ENTER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, derefter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TAB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 for at skifte fra et niveau til et næste</a:t>
            </a:r>
          </a:p>
          <a:p>
            <a:pPr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For at gå tilbage i tekst-niveauer, brug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SHIFT+TAB</a:t>
            </a:r>
            <a:endParaRPr lang="da-DK" altLang="da-DK" sz="506" noProof="1">
              <a:latin typeface="+mn-lt"/>
              <a:cs typeface="Arial" panose="020B0604020202020204" pitchFamily="34" charset="0"/>
            </a:endParaRPr>
          </a:p>
          <a:p>
            <a:pPr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Alternativt kan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Forøg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 og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Formindsk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 listeniveau bruges</a:t>
            </a:r>
            <a:br>
              <a:rPr lang="da-DK" altLang="da-DK" sz="506" noProof="1">
                <a:latin typeface="+mn-lt"/>
                <a:cs typeface="Arial" panose="020B0604020202020204" pitchFamily="34" charset="0"/>
              </a:rPr>
            </a:br>
            <a:endParaRPr lang="da-DK" altLang="da-DK" sz="506" noProof="1">
              <a:latin typeface="+mn-lt"/>
              <a:cs typeface="Arial" panose="020B0604020202020204" pitchFamily="34" charset="0"/>
            </a:endParaRPr>
          </a:p>
          <a:p>
            <a:pPr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sz="506" b="1" noProof="1">
                <a:latin typeface="+mn-lt"/>
                <a:cs typeface="Arial" panose="020B0604020202020204" pitchFamily="34" charset="0"/>
              </a:rPr>
              <a:t>TIP: Brug bullet knappen</a:t>
            </a:r>
          </a:p>
          <a:p>
            <a:pPr defTabSz="514356"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Fjern bullet for almindelig tekst.</a:t>
            </a:r>
            <a:br>
              <a:rPr lang="da-DK" altLang="da-DK" sz="506" noProof="1">
                <a:latin typeface="+mn-lt"/>
                <a:cs typeface="Arial" panose="020B0604020202020204" pitchFamily="34" charset="0"/>
              </a:rPr>
            </a:b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Klik på bullet knappen for at sætte korrekt bullet igen.</a:t>
            </a:r>
            <a:br>
              <a:rPr lang="da-DK" altLang="da-DK" sz="506" noProof="1">
                <a:latin typeface="+mn-lt"/>
                <a:cs typeface="Arial" panose="020B0604020202020204" pitchFamily="34" charset="0"/>
              </a:rPr>
            </a:br>
            <a:br>
              <a:rPr lang="da-DK" altLang="da-DK" sz="506" b="1" noProof="1">
                <a:latin typeface="+mn-lt"/>
                <a:cs typeface="Arial" panose="020B0604020202020204" pitchFamily="34" charset="0"/>
              </a:rPr>
            </a:br>
            <a:r>
              <a:rPr lang="da-DK" sz="900" dirty="0">
                <a:latin typeface="+mn-lt"/>
                <a:cs typeface="Arial" panose="020B0604020202020204" pitchFamily="34" charset="0"/>
              </a:rPr>
              <a:t>SLIDES &amp; LAYOUTS</a:t>
            </a:r>
            <a:br>
              <a:rPr lang="da-DK" altLang="da-DK" sz="506" b="1" noProof="1">
                <a:latin typeface="+mn-lt"/>
                <a:cs typeface="Arial" panose="020B0604020202020204" pitchFamily="34" charset="0"/>
              </a:rPr>
            </a:br>
            <a:br>
              <a:rPr lang="da-DK" altLang="da-DK" sz="506" b="1" noProof="1">
                <a:latin typeface="+mn-lt"/>
                <a:cs typeface="Arial" panose="020B0604020202020204" pitchFamily="34" charset="0"/>
              </a:rPr>
            </a:b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Klik på menupunktet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Nyt Slide 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i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Hjem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 fanen for at indsætte nyt slide</a:t>
            </a:r>
            <a:br>
              <a:rPr lang="da-DK" altLang="da-DK" sz="506" noProof="1">
                <a:latin typeface="+mn-lt"/>
                <a:cs typeface="Arial" panose="020B0604020202020204" pitchFamily="34" charset="0"/>
              </a:rPr>
            </a:br>
            <a:br>
              <a:rPr lang="da-DK" altLang="da-DK" sz="506" noProof="1">
                <a:latin typeface="+mn-lt"/>
                <a:cs typeface="Arial" panose="020B0604020202020204" pitchFamily="34" charset="0"/>
              </a:rPr>
            </a:b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Ændre layout</a:t>
            </a:r>
            <a:endParaRPr lang="da-DK" altLang="da-DK" sz="506" noProof="1">
              <a:latin typeface="+mn-lt"/>
              <a:cs typeface="Arial" panose="020B0604020202020204" pitchFamily="34" charset="0"/>
            </a:endParaRPr>
          </a:p>
          <a:p>
            <a:pPr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Klik på pilen ved siden af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Layout 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for at få vist en dropdown menu af mulige slides layout</a:t>
            </a:r>
            <a:br>
              <a:rPr lang="da-DK" altLang="da-DK" sz="506" noProof="1">
                <a:latin typeface="+mn-lt"/>
                <a:cs typeface="Arial" panose="020B0604020202020204" pitchFamily="34" charset="0"/>
              </a:rPr>
            </a:br>
            <a:br>
              <a:rPr lang="da-DK" altLang="da-DK" sz="506" noProof="1">
                <a:latin typeface="+mn-lt"/>
                <a:cs typeface="Arial" panose="020B0604020202020204" pitchFamily="34" charset="0"/>
              </a:rPr>
            </a:br>
            <a:r>
              <a:rPr lang="da-DK" sz="506" b="1" noProof="1">
                <a:latin typeface="+mn-lt"/>
                <a:cs typeface="Arial" panose="020B0604020202020204" pitchFamily="34" charset="0"/>
              </a:rPr>
              <a:t>Nulstil slide</a:t>
            </a:r>
          </a:p>
          <a:p>
            <a:pPr defTabSz="514356" eaLnBrk="1" fontAlgn="auto" hangingPunct="1">
              <a:spcBef>
                <a:spcPts val="0"/>
              </a:spcBef>
              <a:spcAft>
                <a:spcPts val="338"/>
              </a:spcAft>
              <a:buFont typeface="+mj-lt"/>
              <a:buNone/>
              <a:defRPr/>
            </a:pP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1. 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Klik på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Hjem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 knappen</a:t>
            </a:r>
          </a:p>
          <a:p>
            <a:pPr defTabSz="514356" eaLnBrk="1" fontAlgn="auto" hangingPunct="1">
              <a:spcBef>
                <a:spcPts val="0"/>
              </a:spcBef>
              <a:spcAft>
                <a:spcPts val="338"/>
              </a:spcAft>
              <a:buFont typeface="+mj-lt"/>
              <a:buNone/>
              <a:defRPr/>
            </a:pP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2. 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Vælg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Nulstil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 for at nulstille placering, størrelse og formatering af pladsholdere til layoutets oprindelige design i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Hjem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 fanen</a:t>
            </a:r>
            <a:endParaRPr lang="da-DK" sz="506" b="1" noProof="1">
              <a:latin typeface="+mn-lt"/>
              <a:cs typeface="Arial" panose="020B0604020202020204" pitchFamily="34" charset="0"/>
            </a:endParaRPr>
          </a:p>
          <a:p>
            <a:pPr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endParaRPr lang="da-DK" altLang="da-DK" sz="506" noProof="1">
              <a:latin typeface="+mn-lt"/>
              <a:cs typeface="Arial" panose="020B0604020202020204" pitchFamily="34" charset="0"/>
            </a:endParaRPr>
          </a:p>
        </p:txBody>
      </p:sp>
      <p:pic>
        <p:nvPicPr>
          <p:cNvPr id="8" name="Picture 2">
            <a:extLst>
              <a:ext uri="{FF2B5EF4-FFF2-40B4-BE49-F238E27FC236}">
                <a16:creationId xmlns:a16="http://schemas.microsoft.com/office/drawing/2014/main" id="{D5905687-6F32-5348-92EB-66566F846C28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855788" y="5734050"/>
            <a:ext cx="144462" cy="508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9" name="Picture 29">
            <a:extLst>
              <a:ext uri="{FF2B5EF4-FFF2-40B4-BE49-F238E27FC236}">
                <a16:creationId xmlns:a16="http://schemas.microsoft.com/office/drawing/2014/main" id="{1E2E1992-1EB0-58EB-4444-8EBC7B461405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855788" y="4416425"/>
            <a:ext cx="257175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" name="Billede 16">
            <a:extLst>
              <a:ext uri="{FF2B5EF4-FFF2-40B4-BE49-F238E27FC236}">
                <a16:creationId xmlns:a16="http://schemas.microsoft.com/office/drawing/2014/main" id="{9D7478FD-157A-414F-D37C-1E6B51400A1C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855788" y="7318375"/>
            <a:ext cx="173037" cy="9382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1" name="Billede 17">
            <a:extLst>
              <a:ext uri="{FF2B5EF4-FFF2-40B4-BE49-F238E27FC236}">
                <a16:creationId xmlns:a16="http://schemas.microsoft.com/office/drawing/2014/main" id="{643747A4-4D49-D331-CDE4-79BCB7F6266A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030"/>
          <a:stretch>
            <a:fillRect/>
          </a:stretch>
        </p:blipFill>
        <p:spPr bwMode="auto">
          <a:xfrm>
            <a:off x="1855788" y="10188575"/>
            <a:ext cx="279400" cy="3063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2" name="Picture 33">
            <a:extLst>
              <a:ext uri="{FF2B5EF4-FFF2-40B4-BE49-F238E27FC236}">
                <a16:creationId xmlns:a16="http://schemas.microsoft.com/office/drawing/2014/main" id="{1E94F046-D0D9-A7F4-920A-CEDAD57B90D8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902" t="45142" r="62601" b="9045"/>
          <a:stretch>
            <a:fillRect/>
          </a:stretch>
        </p:blipFill>
        <p:spPr bwMode="auto">
          <a:xfrm>
            <a:off x="4011613" y="5310188"/>
            <a:ext cx="192087" cy="5715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3" name="Billede 19">
            <a:extLst>
              <a:ext uri="{FF2B5EF4-FFF2-40B4-BE49-F238E27FC236}">
                <a16:creationId xmlns:a16="http://schemas.microsoft.com/office/drawing/2014/main" id="{2164732A-27F1-780C-0891-F93F86CE97EB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035425" y="6586538"/>
            <a:ext cx="204788" cy="8540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4" name="Fast overskrift">
            <a:extLst>
              <a:ext uri="{FF2B5EF4-FFF2-40B4-BE49-F238E27FC236}">
                <a16:creationId xmlns:a16="http://schemas.microsoft.com/office/drawing/2014/main" id="{7C951901-9E55-37A6-1A45-CE8DF0D9D31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03213" y="796925"/>
            <a:ext cx="6249987" cy="11572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/>
          <a:lstStyle>
            <a:lvl1pPr>
              <a:defRPr>
                <a:solidFill>
                  <a:schemeClr val="tx1"/>
                </a:solidFill>
                <a:latin typeface="Djoef Offc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Djoef Offc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Djoef Offc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Djoef Offc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Djoef Offc" charset="0"/>
              </a:defRPr>
            </a:lvl5pPr>
            <a:lvl6pPr marL="25146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6pPr>
            <a:lvl7pPr marL="29718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7pPr>
            <a:lvl8pPr marL="34290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8pPr>
            <a:lvl9pPr marL="38862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9pPr>
          </a:lstStyle>
          <a:p>
            <a:pPr eaLnBrk="1" hangingPunct="1"/>
            <a:r>
              <a:rPr lang="da-DK" altLang="da-DK" noProof="1">
                <a:cs typeface="Arial" panose="020B0604020202020204" pitchFamily="34" charset="0"/>
              </a:rPr>
              <a:t>TIPS &amp; TRICKS - DIN BRUGERGUIDE</a:t>
            </a:r>
          </a:p>
        </p:txBody>
      </p:sp>
      <p:pic>
        <p:nvPicPr>
          <p:cNvPr id="15" name="Picture 2" descr="C:\Users\MAV~1.SKA\AppData\Local\Temp\SNAGHTMLe48c1e.PNG">
            <a:extLst>
              <a:ext uri="{FF2B5EF4-FFF2-40B4-BE49-F238E27FC236}">
                <a16:creationId xmlns:a16="http://schemas.microsoft.com/office/drawing/2014/main" id="{ED086B66-D986-8177-EC73-F1590F5C883F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183313" y="9224963"/>
            <a:ext cx="366712" cy="17319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6" name="Picture 36">
            <a:extLst>
              <a:ext uri="{FF2B5EF4-FFF2-40B4-BE49-F238E27FC236}">
                <a16:creationId xmlns:a16="http://schemas.microsoft.com/office/drawing/2014/main" id="{A48028FF-FE9C-A48A-D821-4686FB55808A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855788" y="8566150"/>
            <a:ext cx="268287" cy="3143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7" name="Billede 23">
            <a:extLst>
              <a:ext uri="{FF2B5EF4-FFF2-40B4-BE49-F238E27FC236}">
                <a16:creationId xmlns:a16="http://schemas.microsoft.com/office/drawing/2014/main" id="{9638B869-03F7-DC3A-D576-17966B4492B4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313488" y="3644900"/>
            <a:ext cx="247650" cy="9667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8" name="Picture 2">
            <a:extLst>
              <a:ext uri="{FF2B5EF4-FFF2-40B4-BE49-F238E27FC236}">
                <a16:creationId xmlns:a16="http://schemas.microsoft.com/office/drawing/2014/main" id="{F0F835C8-2C45-9CC0-681B-C364D568F402}"/>
              </a:ext>
            </a:extLst>
          </p:cNvPr>
          <p:cNvPicPr>
            <a:picLocks noChangeAspect="1"/>
          </p:cNvPicPr>
          <p:nvPr userDrawn="1"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732" t="22816" r="10716" b="3580"/>
          <a:stretch>
            <a:fillRect/>
          </a:stretch>
        </p:blipFill>
        <p:spPr bwMode="auto">
          <a:xfrm>
            <a:off x="4227513" y="3190875"/>
            <a:ext cx="138112" cy="469900"/>
          </a:xfrm>
          <a:prstGeom prst="rect">
            <a:avLst/>
          </a:prstGeom>
          <a:noFill/>
          <a:ln w="9525">
            <a:solidFill>
              <a:schemeClr val="bg2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9" name="Date Placeholder 6" hidden="1">
            <a:extLst>
              <a:ext uri="{FF2B5EF4-FFF2-40B4-BE49-F238E27FC236}">
                <a16:creationId xmlns:a16="http://schemas.microsoft.com/office/drawing/2014/main" id="{B7079F11-B107-546E-A2AC-92F2FC103477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12192000"/>
            <a:ext cx="0" cy="0"/>
          </a:xfrm>
        </p:spPr>
        <p:txBody>
          <a:bodyPr/>
          <a:lstStyle>
            <a:lvl1pPr>
              <a:defRPr sz="100" smtClean="0">
                <a:noFill/>
              </a:defRPr>
            </a:lvl1pPr>
          </a:lstStyle>
          <a:p>
            <a:pPr>
              <a:defRPr/>
            </a:pPr>
            <a:fld id="{79B2E95B-244A-445A-B032-89F7C1C83F8B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20" name="Footer Placeholder 8" hidden="1">
            <a:extLst>
              <a:ext uri="{FF2B5EF4-FFF2-40B4-BE49-F238E27FC236}">
                <a16:creationId xmlns:a16="http://schemas.microsoft.com/office/drawing/2014/main" id="{42FAEF65-B149-6A85-715A-5E4564F601F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12192000"/>
            <a:ext cx="0" cy="0"/>
          </a:xfrm>
        </p:spPr>
        <p:txBody>
          <a:bodyPr/>
          <a:lstStyle>
            <a:lvl1pPr>
              <a:defRPr sz="100" dirty="0">
                <a:noFill/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21" name="Slide Number Placeholder 10" hidden="1">
            <a:extLst>
              <a:ext uri="{FF2B5EF4-FFF2-40B4-BE49-F238E27FC236}">
                <a16:creationId xmlns:a16="http://schemas.microsoft.com/office/drawing/2014/main" id="{2187C653-BC35-5F10-51ED-DCC4EE53296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12192000"/>
            <a:ext cx="0" cy="0"/>
          </a:xfrm>
        </p:spPr>
        <p:txBody>
          <a:bodyPr/>
          <a:lstStyle>
            <a:lvl1pPr>
              <a:defRPr sz="100" smtClean="0">
                <a:noFill/>
              </a:defRPr>
            </a:lvl1pPr>
          </a:lstStyle>
          <a:p>
            <a:pPr>
              <a:defRPr/>
            </a:pPr>
            <a:fld id="{C6EEE584-0787-454C-A83F-2C61F1312AFC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6777072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&gt;Brug ikke layouts efter dette &gt;&gt;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1CB5CD65-5B6F-FA67-20C4-6B7B5A8BB1D8}"/>
              </a:ext>
            </a:extLst>
          </p:cNvPr>
          <p:cNvSpPr/>
          <p:nvPr userDrawn="1"/>
        </p:nvSpPr>
        <p:spPr bwMode="ltGray">
          <a:xfrm>
            <a:off x="0" y="0"/>
            <a:ext cx="6858000" cy="12192000"/>
          </a:xfrm>
          <a:prstGeom prst="rect">
            <a:avLst/>
          </a:prstGeom>
          <a:solidFill>
            <a:schemeClr val="tx1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40500" rIns="40500" bIns="40500" anchor="ctr"/>
          <a:lstStyle/>
          <a:p>
            <a:pPr algn="ctr" eaLnBrk="1" fontAlgn="auto" hangingPunct="1">
              <a:spcBef>
                <a:spcPts val="338"/>
              </a:spcBef>
              <a:spcAft>
                <a:spcPts val="0"/>
              </a:spcAft>
              <a:buClr>
                <a:srgbClr val="003755"/>
              </a:buClr>
              <a:defRPr/>
            </a:pPr>
            <a:endParaRPr lang="da-DK" sz="788" dirty="0">
              <a:solidFill>
                <a:schemeClr val="tx1"/>
              </a:solidFill>
            </a:endParaRPr>
          </a:p>
        </p:txBody>
      </p:sp>
      <p:sp>
        <p:nvSpPr>
          <p:cNvPr id="3" name="Do not use">
            <a:extLst>
              <a:ext uri="{FF2B5EF4-FFF2-40B4-BE49-F238E27FC236}">
                <a16:creationId xmlns:a16="http://schemas.microsoft.com/office/drawing/2014/main" id="{6A143662-D4AD-1916-1132-1D22CE1F683B}"/>
              </a:ext>
            </a:extLst>
          </p:cNvPr>
          <p:cNvSpPr txBox="1"/>
          <p:nvPr userDrawn="1"/>
        </p:nvSpPr>
        <p:spPr bwMode="white">
          <a:xfrm>
            <a:off x="241300" y="1168400"/>
            <a:ext cx="6389688" cy="1627188"/>
          </a:xfrm>
          <a:prstGeom prst="rect">
            <a:avLst/>
          </a:prstGeom>
          <a:noFill/>
        </p:spPr>
        <p:txBody>
          <a:bodyPr lIns="0" tIns="0" rIns="0" bIns="0">
            <a:spAutoFit/>
          </a:bodyPr>
          <a:lstStyle/>
          <a:p>
            <a:pPr algn="ctr" eaLnBrk="1" fontAlgn="auto" hangingPunct="1">
              <a:spcBef>
                <a:spcPts val="338"/>
              </a:spcBef>
              <a:spcAft>
                <a:spcPts val="0"/>
              </a:spcAft>
              <a:buClr>
                <a:srgbClr val="003755"/>
              </a:buClr>
              <a:defRPr/>
            </a:pPr>
            <a:r>
              <a:rPr lang="da-DK" sz="2475" dirty="0">
                <a:solidFill>
                  <a:schemeClr val="bg1"/>
                </a:solidFill>
                <a:latin typeface="+mn-lt"/>
              </a:rPr>
              <a:t>Hvis du ser andre </a:t>
            </a:r>
            <a:r>
              <a:rPr lang="da-DK" sz="2475" b="1" i="1" dirty="0">
                <a:solidFill>
                  <a:schemeClr val="bg1"/>
                </a:solidFill>
                <a:latin typeface="+mn-lt"/>
              </a:rPr>
              <a:t>layouts efter dette,</a:t>
            </a:r>
            <a:br>
              <a:rPr lang="da-DK" sz="2475" dirty="0">
                <a:solidFill>
                  <a:schemeClr val="bg1"/>
                </a:solidFill>
                <a:latin typeface="+mn-lt"/>
              </a:rPr>
            </a:br>
            <a:r>
              <a:rPr lang="da-DK" sz="2475" dirty="0">
                <a:solidFill>
                  <a:schemeClr val="bg1"/>
                </a:solidFill>
                <a:latin typeface="+mn-lt"/>
              </a:rPr>
              <a:t>brug dem ikke. Disse layouts </a:t>
            </a:r>
            <a:r>
              <a:rPr lang="da-DK" sz="2475" b="1" i="1" dirty="0">
                <a:solidFill>
                  <a:schemeClr val="bg1"/>
                </a:solidFill>
                <a:latin typeface="+mn-lt"/>
              </a:rPr>
              <a:t>tilhører ikke </a:t>
            </a:r>
            <a:r>
              <a:rPr lang="da-DK" sz="2475" dirty="0">
                <a:solidFill>
                  <a:schemeClr val="bg1"/>
                </a:solidFill>
                <a:latin typeface="+mn-lt"/>
              </a:rPr>
              <a:t>vores </a:t>
            </a:r>
            <a:r>
              <a:rPr lang="da-DK" sz="2475" noProof="1">
                <a:solidFill>
                  <a:schemeClr val="bg1"/>
                </a:solidFill>
                <a:latin typeface="+mn-lt"/>
              </a:rPr>
              <a:t>corporate </a:t>
            </a:r>
            <a:r>
              <a:rPr lang="da-DK" sz="2475" dirty="0">
                <a:solidFill>
                  <a:schemeClr val="bg1"/>
                </a:solidFill>
                <a:latin typeface="+mn-lt"/>
              </a:rPr>
              <a:t>skabelon.</a:t>
            </a:r>
            <a:br>
              <a:rPr lang="da-DK" sz="1575" dirty="0">
                <a:solidFill>
                  <a:schemeClr val="bg1"/>
                </a:solidFill>
                <a:latin typeface="+mn-lt"/>
              </a:rPr>
            </a:br>
            <a:br>
              <a:rPr lang="da-DK" sz="1575" dirty="0">
                <a:solidFill>
                  <a:schemeClr val="bg1"/>
                </a:solidFill>
                <a:latin typeface="+mn-lt"/>
              </a:rPr>
            </a:br>
            <a:endParaRPr lang="da-DK" sz="1575" dirty="0">
              <a:solidFill>
                <a:schemeClr val="bg1"/>
              </a:solidFill>
              <a:latin typeface="+mn-lt"/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AE786D18-7D75-E481-DF81-ABC3C38FEF34}"/>
              </a:ext>
            </a:extLst>
          </p:cNvPr>
          <p:cNvGrpSpPr/>
          <p:nvPr userDrawn="1"/>
        </p:nvGrpSpPr>
        <p:grpSpPr bwMode="white">
          <a:xfrm rot="8100000">
            <a:off x="5852742" y="5911513"/>
            <a:ext cx="583193" cy="1843179"/>
            <a:chOff x="6096000" y="4963130"/>
            <a:chExt cx="1456719" cy="1456719"/>
          </a:xfrm>
          <a:solidFill>
            <a:schemeClr val="bg1"/>
          </a:solidFill>
        </p:grpSpPr>
        <p:sp>
          <p:nvSpPr>
            <p:cNvPr id="5" name="Rectangle 2">
              <a:extLst>
                <a:ext uri="{FF2B5EF4-FFF2-40B4-BE49-F238E27FC236}">
                  <a16:creationId xmlns:a16="http://schemas.microsoft.com/office/drawing/2014/main" id="{E8D87963-84A2-D619-8EBF-E79ACFD967D2}"/>
                </a:ext>
              </a:extLst>
            </p:cNvPr>
            <p:cNvSpPr/>
            <p:nvPr/>
          </p:nvSpPr>
          <p:spPr bwMode="white">
            <a:xfrm rot="5400000">
              <a:off x="5534135" y="5524995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anchor="ctr"/>
            <a:lstStyle/>
            <a:p>
              <a:pPr algn="ctr" eaLnBrk="1" fontAlgn="auto" hangingPunct="1">
                <a:spcBef>
                  <a:spcPts val="338"/>
                </a:spcBef>
                <a:spcAft>
                  <a:spcPts val="0"/>
                </a:spcAft>
                <a:buClr>
                  <a:srgbClr val="003755"/>
                </a:buClr>
                <a:defRPr/>
              </a:pPr>
              <a:endParaRPr lang="da-DK" sz="788" dirty="0">
                <a:solidFill>
                  <a:schemeClr val="tx1"/>
                </a:solidFill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7F98DA69-7550-4F6D-1998-C3104B4E5061}"/>
                </a:ext>
              </a:extLst>
            </p:cNvPr>
            <p:cNvSpPr/>
            <p:nvPr/>
          </p:nvSpPr>
          <p:spPr bwMode="white">
            <a:xfrm rot="10800000">
              <a:off x="6096000" y="4963130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anchor="ctr"/>
            <a:lstStyle/>
            <a:p>
              <a:pPr algn="ctr" eaLnBrk="1" fontAlgn="auto" hangingPunct="1">
                <a:spcBef>
                  <a:spcPts val="338"/>
                </a:spcBef>
                <a:spcAft>
                  <a:spcPts val="0"/>
                </a:spcAft>
                <a:buClr>
                  <a:srgbClr val="003755"/>
                </a:buClr>
                <a:defRPr/>
              </a:pPr>
              <a:endParaRPr lang="da-DK" sz="788" dirty="0">
                <a:solidFill>
                  <a:schemeClr val="tx1"/>
                </a:solidFill>
              </a:endParaRPr>
            </a:p>
          </p:txBody>
        </p:sp>
      </p:grpSp>
      <p:sp>
        <p:nvSpPr>
          <p:cNvPr id="7" name="Rectangle 11">
            <a:extLst>
              <a:ext uri="{FF2B5EF4-FFF2-40B4-BE49-F238E27FC236}">
                <a16:creationId xmlns:a16="http://schemas.microsoft.com/office/drawing/2014/main" id="{E9A76443-18F6-DB27-ED2F-79F06C0AED7F}"/>
              </a:ext>
            </a:extLst>
          </p:cNvPr>
          <p:cNvSpPr/>
          <p:nvPr userDrawn="1"/>
        </p:nvSpPr>
        <p:spPr bwMode="white">
          <a:xfrm>
            <a:off x="265113" y="5310188"/>
            <a:ext cx="5711825" cy="957262"/>
          </a:xfrm>
          <a:prstGeom prst="rect">
            <a:avLst/>
          </a:prstGeom>
        </p:spPr>
        <p:txBody>
          <a:bodyPr>
            <a:spAutoFit/>
          </a:bodyPr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r>
              <a:rPr lang="da-DK" sz="5625" b="1" i="1" dirty="0">
                <a:solidFill>
                  <a:schemeClr val="bg1"/>
                </a:solidFill>
                <a:latin typeface="+mn-lt"/>
              </a:rPr>
              <a:t>Brug dem ikke</a:t>
            </a:r>
            <a:endParaRPr lang="da-DK" sz="5625" b="1" i="1" dirty="0">
              <a:latin typeface="+mn-lt"/>
            </a:endParaRPr>
          </a:p>
        </p:txBody>
      </p:sp>
      <p:sp>
        <p:nvSpPr>
          <p:cNvPr id="8" name="Do not use">
            <a:extLst>
              <a:ext uri="{FF2B5EF4-FFF2-40B4-BE49-F238E27FC236}">
                <a16:creationId xmlns:a16="http://schemas.microsoft.com/office/drawing/2014/main" id="{40B96232-F38D-0128-28CA-DF3C3F15DB5E}"/>
              </a:ext>
            </a:extLst>
          </p:cNvPr>
          <p:cNvSpPr txBox="1"/>
          <p:nvPr userDrawn="1"/>
        </p:nvSpPr>
        <p:spPr bwMode="white">
          <a:xfrm>
            <a:off x="241300" y="9220200"/>
            <a:ext cx="6389688" cy="541338"/>
          </a:xfrm>
          <a:prstGeom prst="rect">
            <a:avLst/>
          </a:prstGeom>
          <a:noFill/>
        </p:spPr>
        <p:txBody>
          <a:bodyPr lIns="0" tIns="0" rIns="0" bIns="0">
            <a:spAutoFit/>
          </a:bodyPr>
          <a:lstStyle/>
          <a:p>
            <a:pPr algn="ctr" eaLnBrk="1" fontAlgn="auto" hangingPunct="1">
              <a:spcBef>
                <a:spcPts val="338"/>
              </a:spcBef>
              <a:spcAft>
                <a:spcPts val="0"/>
              </a:spcAft>
              <a:buClr>
                <a:srgbClr val="003755"/>
              </a:buClr>
              <a:defRPr/>
            </a:pPr>
            <a:r>
              <a:rPr lang="da-DK" sz="1125" dirty="0">
                <a:solidFill>
                  <a:schemeClr val="bg1"/>
                </a:solidFill>
                <a:latin typeface="+mn-lt"/>
              </a:rPr>
              <a:t>Pga. PowerPoints standard Kopier/Indsæt funktionalitet kan ekstra uønskede layouts forekomme.</a:t>
            </a:r>
          </a:p>
          <a:p>
            <a:pPr algn="ctr" eaLnBrk="1" fontAlgn="auto" hangingPunct="1">
              <a:spcBef>
                <a:spcPts val="338"/>
              </a:spcBef>
              <a:spcAft>
                <a:spcPts val="0"/>
              </a:spcAft>
              <a:buClr>
                <a:srgbClr val="003755"/>
              </a:buClr>
              <a:defRPr/>
            </a:pPr>
            <a:r>
              <a:rPr lang="da-DK" sz="1125" dirty="0">
                <a:solidFill>
                  <a:schemeClr val="bg1"/>
                </a:solidFill>
                <a:latin typeface="+mn-lt"/>
              </a:rPr>
              <a:t>OBS! Layouts efter dette kan indeholde potential fortrolig information.</a:t>
            </a:r>
            <a:br>
              <a:rPr lang="da-DK" sz="1013" dirty="0">
                <a:solidFill>
                  <a:schemeClr val="bg1"/>
                </a:solidFill>
                <a:latin typeface="+mn-lt"/>
              </a:rPr>
            </a:br>
            <a:endParaRPr lang="da-DK" sz="1013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9" name="Date Placeholder 6" hidden="1">
            <a:extLst>
              <a:ext uri="{FF2B5EF4-FFF2-40B4-BE49-F238E27FC236}">
                <a16:creationId xmlns:a16="http://schemas.microsoft.com/office/drawing/2014/main" id="{11E7C726-2C11-D32C-881C-A0F6BC94CBF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12192000"/>
            <a:ext cx="0" cy="0"/>
          </a:xfrm>
        </p:spPr>
        <p:txBody>
          <a:bodyPr/>
          <a:lstStyle>
            <a:lvl1pPr>
              <a:defRPr sz="100" smtClean="0">
                <a:noFill/>
              </a:defRPr>
            </a:lvl1pPr>
          </a:lstStyle>
          <a:p>
            <a:pPr>
              <a:defRPr/>
            </a:pPr>
            <a:fld id="{66B44A57-6EB4-438D-BF49-EA54A7130158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10" name="Footer Placeholder 8" hidden="1">
            <a:extLst>
              <a:ext uri="{FF2B5EF4-FFF2-40B4-BE49-F238E27FC236}">
                <a16:creationId xmlns:a16="http://schemas.microsoft.com/office/drawing/2014/main" id="{A9A41AA0-67D6-1D1D-562F-F4356C61CF0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12192000"/>
            <a:ext cx="0" cy="0"/>
          </a:xfrm>
        </p:spPr>
        <p:txBody>
          <a:bodyPr/>
          <a:lstStyle>
            <a:lvl1pPr>
              <a:defRPr sz="100" dirty="0">
                <a:noFill/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11" name="Slide Number Placeholder 10" hidden="1">
            <a:extLst>
              <a:ext uri="{FF2B5EF4-FFF2-40B4-BE49-F238E27FC236}">
                <a16:creationId xmlns:a16="http://schemas.microsoft.com/office/drawing/2014/main" id="{F3B5AF2C-713A-C0CE-A0C7-C7110C277A3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12192000"/>
            <a:ext cx="0" cy="0"/>
          </a:xfrm>
        </p:spPr>
        <p:txBody>
          <a:bodyPr/>
          <a:lstStyle>
            <a:lvl1pPr>
              <a:defRPr sz="100" smtClean="0">
                <a:noFill/>
              </a:defRPr>
            </a:lvl1pPr>
          </a:lstStyle>
          <a:p>
            <a:pPr>
              <a:defRPr/>
            </a:pPr>
            <a:fld id="{F373F020-638D-47CC-9729-4613E0892BC7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936537664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 slide med helside billed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5.element bund">
            <a:extLst>
              <a:ext uri="{FF2B5EF4-FFF2-40B4-BE49-F238E27FC236}">
                <a16:creationId xmlns:a16="http://schemas.microsoft.com/office/drawing/2014/main" id="{0F449C2B-39B7-1C9F-FC37-345F2CFB4243}"/>
              </a:ext>
            </a:extLst>
          </p:cNvPr>
          <p:cNvSpPr/>
          <p:nvPr userDrawn="1"/>
        </p:nvSpPr>
        <p:spPr>
          <a:xfrm>
            <a:off x="4929188" y="6096000"/>
            <a:ext cx="1928812" cy="6096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20250" rIns="40500" bIns="2025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900" dirty="0"/>
          </a:p>
        </p:txBody>
      </p:sp>
      <p:sp>
        <p:nvSpPr>
          <p:cNvPr id="5" name="5.element top">
            <a:extLst>
              <a:ext uri="{FF2B5EF4-FFF2-40B4-BE49-F238E27FC236}">
                <a16:creationId xmlns:a16="http://schemas.microsoft.com/office/drawing/2014/main" id="{31566E1B-2090-21FD-E2E9-43AE6C884ADF}"/>
              </a:ext>
            </a:extLst>
          </p:cNvPr>
          <p:cNvSpPr/>
          <p:nvPr/>
        </p:nvSpPr>
        <p:spPr>
          <a:xfrm>
            <a:off x="4929188" y="0"/>
            <a:ext cx="1930400" cy="6096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20250" rIns="40500" bIns="2025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900" dirty="0"/>
          </a:p>
        </p:txBody>
      </p:sp>
      <p:sp>
        <p:nvSpPr>
          <p:cNvPr id="6" name="Logo">
            <a:extLst>
              <a:ext uri="{FF2B5EF4-FFF2-40B4-BE49-F238E27FC236}">
                <a16:creationId xmlns:a16="http://schemas.microsoft.com/office/drawing/2014/main" id="{768E35D1-CC9B-1A78-E819-76E3BFB5F6BD}"/>
              </a:ext>
            </a:extLst>
          </p:cNvPr>
          <p:cNvSpPr/>
          <p:nvPr userDrawn="1"/>
        </p:nvSpPr>
        <p:spPr bwMode="white">
          <a:xfrm>
            <a:off x="6054725" y="639763"/>
            <a:ext cx="498475" cy="887412"/>
          </a:xfrm>
          <a:custGeom>
            <a:avLst/>
            <a:gdLst>
              <a:gd name="connsiteX0" fmla="*/ 3991223 w 5553123"/>
              <a:gd name="connsiteY0" fmla="*/ 1407246 h 3128654"/>
              <a:gd name="connsiteX1" fmla="*/ 3430346 w 5553123"/>
              <a:gd name="connsiteY1" fmla="*/ 1968030 h 3128654"/>
              <a:gd name="connsiteX2" fmla="*/ 3597555 w 5553123"/>
              <a:gd name="connsiteY2" fmla="*/ 1999879 h 3128654"/>
              <a:gd name="connsiteX3" fmla="*/ 4017277 w 5553123"/>
              <a:gd name="connsiteY3" fmla="*/ 1565700 h 3128654"/>
              <a:gd name="connsiteX4" fmla="*/ 4017243 w 5553123"/>
              <a:gd name="connsiteY4" fmla="*/ 1565803 h 3128654"/>
              <a:gd name="connsiteX5" fmla="*/ 3991223 w 5553123"/>
              <a:gd name="connsiteY5" fmla="*/ 1407246 h 3128654"/>
              <a:gd name="connsiteX6" fmla="*/ 3597692 w 5553123"/>
              <a:gd name="connsiteY6" fmla="*/ 1131487 h 3128654"/>
              <a:gd name="connsiteX7" fmla="*/ 3172031 w 5553123"/>
              <a:gd name="connsiteY7" fmla="*/ 1565700 h 3128654"/>
              <a:gd name="connsiteX8" fmla="*/ 3171997 w 5553123"/>
              <a:gd name="connsiteY8" fmla="*/ 1565803 h 3128654"/>
              <a:gd name="connsiteX9" fmla="*/ 3197296 w 5553123"/>
              <a:gd name="connsiteY9" fmla="*/ 1722061 h 3128654"/>
              <a:gd name="connsiteX10" fmla="*/ 3757830 w 5553123"/>
              <a:gd name="connsiteY10" fmla="*/ 1161723 h 3128654"/>
              <a:gd name="connsiteX11" fmla="*/ 3597692 w 5553123"/>
              <a:gd name="connsiteY11" fmla="*/ 1131487 h 3128654"/>
              <a:gd name="connsiteX12" fmla="*/ 2205438 w 5553123"/>
              <a:gd name="connsiteY12" fmla="*/ 837298 h 3128654"/>
              <a:gd name="connsiteX13" fmla="*/ 2590180 w 5553123"/>
              <a:gd name="connsiteY13" fmla="*/ 837298 h 3128654"/>
              <a:gd name="connsiteX14" fmla="*/ 2590180 w 5553123"/>
              <a:gd name="connsiteY14" fmla="*/ 2548651 h 3128654"/>
              <a:gd name="connsiteX15" fmla="*/ 2015984 w 5553123"/>
              <a:gd name="connsiteY15" fmla="*/ 3128654 h 3128654"/>
              <a:gd name="connsiteX16" fmla="*/ 1756572 w 5553123"/>
              <a:gd name="connsiteY16" fmla="*/ 3073262 h 3128654"/>
              <a:gd name="connsiteX17" fmla="*/ 1844038 w 5553123"/>
              <a:gd name="connsiteY17" fmla="*/ 2761571 h 3128654"/>
              <a:gd name="connsiteX18" fmla="*/ 1989724 w 5553123"/>
              <a:gd name="connsiteY18" fmla="*/ 2787791 h 3128654"/>
              <a:gd name="connsiteX19" fmla="*/ 2205438 w 5553123"/>
              <a:gd name="connsiteY19" fmla="*/ 2548857 h 3128654"/>
              <a:gd name="connsiteX20" fmla="*/ 4139105 w 5553123"/>
              <a:gd name="connsiteY20" fmla="*/ 780499 h 3128654"/>
              <a:gd name="connsiteX21" fmla="*/ 4378642 w 5553123"/>
              <a:gd name="connsiteY21" fmla="*/ 1020017 h 3128654"/>
              <a:gd name="connsiteX22" fmla="*/ 4263474 w 5553123"/>
              <a:gd name="connsiteY22" fmla="*/ 1135365 h 3128654"/>
              <a:gd name="connsiteX23" fmla="*/ 4390485 w 5553123"/>
              <a:gd name="connsiteY23" fmla="*/ 1565769 h 3128654"/>
              <a:gd name="connsiteX24" fmla="*/ 3597520 w 5553123"/>
              <a:gd name="connsiteY24" fmla="*/ 2335080 h 3128654"/>
              <a:gd name="connsiteX25" fmla="*/ 3173748 w 5553123"/>
              <a:gd name="connsiteY25" fmla="*/ 2224604 h 3128654"/>
              <a:gd name="connsiteX26" fmla="*/ 3050169 w 5553123"/>
              <a:gd name="connsiteY26" fmla="*/ 2348155 h 3128654"/>
              <a:gd name="connsiteX27" fmla="*/ 2810563 w 5553123"/>
              <a:gd name="connsiteY27" fmla="*/ 2108707 h 3128654"/>
              <a:gd name="connsiteX28" fmla="*/ 2925320 w 5553123"/>
              <a:gd name="connsiteY28" fmla="*/ 1993976 h 3128654"/>
              <a:gd name="connsiteX29" fmla="*/ 2798892 w 5553123"/>
              <a:gd name="connsiteY29" fmla="*/ 1565838 h 3128654"/>
              <a:gd name="connsiteX30" fmla="*/ 3597486 w 5553123"/>
              <a:gd name="connsiteY30" fmla="*/ 793644 h 3128654"/>
              <a:gd name="connsiteX31" fmla="*/ 4015526 w 5553123"/>
              <a:gd name="connsiteY31" fmla="*/ 904050 h 3128654"/>
              <a:gd name="connsiteX32" fmla="*/ 396379 w 5553123"/>
              <a:gd name="connsiteY32" fmla="*/ 435140 h 3128654"/>
              <a:gd name="connsiteX33" fmla="*/ 396379 w 5553123"/>
              <a:gd name="connsiteY33" fmla="*/ 1932956 h 3128654"/>
              <a:gd name="connsiteX34" fmla="*/ 846344 w 5553123"/>
              <a:gd name="connsiteY34" fmla="*/ 1932956 h 3128654"/>
              <a:gd name="connsiteX35" fmla="*/ 1601274 w 5553123"/>
              <a:gd name="connsiteY35" fmla="*/ 1184065 h 3128654"/>
              <a:gd name="connsiteX36" fmla="*/ 846344 w 5553123"/>
              <a:gd name="connsiteY36" fmla="*/ 435140 h 3128654"/>
              <a:gd name="connsiteX37" fmla="*/ 0 w 5553123"/>
              <a:gd name="connsiteY37" fmla="*/ 76739 h 3128654"/>
              <a:gd name="connsiteX38" fmla="*/ 820049 w 5553123"/>
              <a:gd name="connsiteY38" fmla="*/ 76739 h 3128654"/>
              <a:gd name="connsiteX39" fmla="*/ 2000502 w 5553123"/>
              <a:gd name="connsiteY39" fmla="*/ 1184065 h 3128654"/>
              <a:gd name="connsiteX40" fmla="*/ 820049 w 5553123"/>
              <a:gd name="connsiteY40" fmla="*/ 2291391 h 3128654"/>
              <a:gd name="connsiteX41" fmla="*/ 0 w 5553123"/>
              <a:gd name="connsiteY41" fmla="*/ 2291391 h 3128654"/>
              <a:gd name="connsiteX42" fmla="*/ 5214998 w 5553123"/>
              <a:gd name="connsiteY42" fmla="*/ 0 h 3128654"/>
              <a:gd name="connsiteX43" fmla="*/ 5474410 w 5553123"/>
              <a:gd name="connsiteY43" fmla="*/ 55393 h 3128654"/>
              <a:gd name="connsiteX44" fmla="*/ 5386944 w 5553123"/>
              <a:gd name="connsiteY44" fmla="*/ 367187 h 3128654"/>
              <a:gd name="connsiteX45" fmla="*/ 5241258 w 5553123"/>
              <a:gd name="connsiteY45" fmla="*/ 340932 h 3128654"/>
              <a:gd name="connsiteX46" fmla="*/ 5025544 w 5553123"/>
              <a:gd name="connsiteY46" fmla="*/ 579901 h 3128654"/>
              <a:gd name="connsiteX47" fmla="*/ 5025544 w 5553123"/>
              <a:gd name="connsiteY47" fmla="*/ 837299 h 3128654"/>
              <a:gd name="connsiteX48" fmla="*/ 5553123 w 5553123"/>
              <a:gd name="connsiteY48" fmla="*/ 837402 h 3128654"/>
              <a:gd name="connsiteX49" fmla="*/ 5553123 w 5553123"/>
              <a:gd name="connsiteY49" fmla="*/ 1152113 h 3128654"/>
              <a:gd name="connsiteX50" fmla="*/ 5025544 w 5553123"/>
              <a:gd name="connsiteY50" fmla="*/ 1152113 h 3128654"/>
              <a:gd name="connsiteX51" fmla="*/ 5025544 w 5553123"/>
              <a:gd name="connsiteY51" fmla="*/ 2291528 h 3128654"/>
              <a:gd name="connsiteX52" fmla="*/ 4640802 w 5553123"/>
              <a:gd name="connsiteY52" fmla="*/ 2291528 h 3128654"/>
              <a:gd name="connsiteX53" fmla="*/ 4640802 w 5553123"/>
              <a:gd name="connsiteY53" fmla="*/ 1152113 h 3128654"/>
              <a:gd name="connsiteX54" fmla="*/ 4423612 w 5553123"/>
              <a:gd name="connsiteY54" fmla="*/ 1152113 h 3128654"/>
              <a:gd name="connsiteX55" fmla="*/ 4423612 w 5553123"/>
              <a:gd name="connsiteY55" fmla="*/ 837402 h 3128654"/>
              <a:gd name="connsiteX56" fmla="*/ 4640802 w 5553123"/>
              <a:gd name="connsiteY56" fmla="*/ 837402 h 3128654"/>
              <a:gd name="connsiteX57" fmla="*/ 4640802 w 5553123"/>
              <a:gd name="connsiteY57" fmla="*/ 580004 h 3128654"/>
              <a:gd name="connsiteX58" fmla="*/ 5214998 w 5553123"/>
              <a:gd name="connsiteY58" fmla="*/ 0 h 31286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5553123" h="3128654">
                <a:moveTo>
                  <a:pt x="3991223" y="1407246"/>
                </a:moveTo>
                <a:lnTo>
                  <a:pt x="3430346" y="1968030"/>
                </a:lnTo>
                <a:cubicBezTo>
                  <a:pt x="3483553" y="1989213"/>
                  <a:pt x="3540297" y="2000023"/>
                  <a:pt x="3597555" y="1999879"/>
                </a:cubicBezTo>
                <a:cubicBezTo>
                  <a:pt x="3819070" y="1999879"/>
                  <a:pt x="4017277" y="1836826"/>
                  <a:pt x="4017277" y="1565700"/>
                </a:cubicBezTo>
                <a:lnTo>
                  <a:pt x="4017243" y="1565803"/>
                </a:lnTo>
                <a:cubicBezTo>
                  <a:pt x="4017518" y="1511866"/>
                  <a:pt x="4008729" y="1458269"/>
                  <a:pt x="3991223" y="1407246"/>
                </a:cubicBezTo>
                <a:close/>
                <a:moveTo>
                  <a:pt x="3597692" y="1131487"/>
                </a:moveTo>
                <a:cubicBezTo>
                  <a:pt x="3370204" y="1131487"/>
                  <a:pt x="3172031" y="1294574"/>
                  <a:pt x="3172031" y="1565700"/>
                </a:cubicBezTo>
                <a:lnTo>
                  <a:pt x="3171997" y="1565803"/>
                </a:lnTo>
                <a:cubicBezTo>
                  <a:pt x="3171757" y="1618927"/>
                  <a:pt x="3180304" y="1671724"/>
                  <a:pt x="3197296" y="1722061"/>
                </a:cubicBezTo>
                <a:lnTo>
                  <a:pt x="3757830" y="1161723"/>
                </a:lnTo>
                <a:cubicBezTo>
                  <a:pt x="3706819" y="1141649"/>
                  <a:pt x="3652513" y="1131391"/>
                  <a:pt x="3597692" y="1131487"/>
                </a:cubicBezTo>
                <a:close/>
                <a:moveTo>
                  <a:pt x="2205438" y="837298"/>
                </a:moveTo>
                <a:lnTo>
                  <a:pt x="2590180" y="837298"/>
                </a:lnTo>
                <a:lnTo>
                  <a:pt x="2590180" y="2548651"/>
                </a:lnTo>
                <a:cubicBezTo>
                  <a:pt x="2590180" y="2895520"/>
                  <a:pt x="2359911" y="3128654"/>
                  <a:pt x="2015984" y="3128654"/>
                </a:cubicBezTo>
                <a:cubicBezTo>
                  <a:pt x="1922717" y="3128654"/>
                  <a:pt x="1838202" y="3111014"/>
                  <a:pt x="1756572" y="3073262"/>
                </a:cubicBezTo>
                <a:lnTo>
                  <a:pt x="1844038" y="2761571"/>
                </a:lnTo>
                <a:cubicBezTo>
                  <a:pt x="1896456" y="2779074"/>
                  <a:pt x="1948909" y="2787791"/>
                  <a:pt x="1989724" y="2787791"/>
                </a:cubicBezTo>
                <a:cubicBezTo>
                  <a:pt x="2118006" y="2787791"/>
                  <a:pt x="2205438" y="2691627"/>
                  <a:pt x="2205438" y="2548857"/>
                </a:cubicBezTo>
                <a:close/>
                <a:moveTo>
                  <a:pt x="4139105" y="780499"/>
                </a:moveTo>
                <a:lnTo>
                  <a:pt x="4378642" y="1020017"/>
                </a:lnTo>
                <a:lnTo>
                  <a:pt x="4263474" y="1135365"/>
                </a:lnTo>
                <a:cubicBezTo>
                  <a:pt x="4343457" y="1255038"/>
                  <a:pt x="4390485" y="1401034"/>
                  <a:pt x="4390485" y="1565769"/>
                </a:cubicBezTo>
                <a:cubicBezTo>
                  <a:pt x="4390485" y="2023285"/>
                  <a:pt x="4028880" y="2335080"/>
                  <a:pt x="3597520" y="2335080"/>
                </a:cubicBezTo>
                <a:cubicBezTo>
                  <a:pt x="3442429" y="2335080"/>
                  <a:pt x="3296983" y="2295681"/>
                  <a:pt x="3173748" y="2224604"/>
                </a:cubicBezTo>
                <a:lnTo>
                  <a:pt x="3050169" y="2348155"/>
                </a:lnTo>
                <a:lnTo>
                  <a:pt x="2810563" y="2108707"/>
                </a:lnTo>
                <a:lnTo>
                  <a:pt x="2925320" y="1993976"/>
                </a:lnTo>
                <a:cubicBezTo>
                  <a:pt x="2845543" y="1875058"/>
                  <a:pt x="2798892" y="1729886"/>
                  <a:pt x="2798892" y="1565838"/>
                </a:cubicBezTo>
                <a:cubicBezTo>
                  <a:pt x="2798892" y="1108390"/>
                  <a:pt x="3160291" y="793644"/>
                  <a:pt x="3597486" y="793644"/>
                </a:cubicBezTo>
                <a:cubicBezTo>
                  <a:pt x="3749866" y="793644"/>
                  <a:pt x="3893424" y="833077"/>
                  <a:pt x="4015526" y="904050"/>
                </a:cubicBezTo>
                <a:close/>
                <a:moveTo>
                  <a:pt x="396379" y="435140"/>
                </a:moveTo>
                <a:lnTo>
                  <a:pt x="396379" y="1932956"/>
                </a:lnTo>
                <a:lnTo>
                  <a:pt x="846344" y="1932956"/>
                </a:lnTo>
                <a:cubicBezTo>
                  <a:pt x="1298059" y="1932956"/>
                  <a:pt x="1601274" y="1632830"/>
                  <a:pt x="1601274" y="1184065"/>
                </a:cubicBezTo>
                <a:cubicBezTo>
                  <a:pt x="1601274" y="735300"/>
                  <a:pt x="1298128" y="435140"/>
                  <a:pt x="846344" y="435140"/>
                </a:cubicBezTo>
                <a:close/>
                <a:moveTo>
                  <a:pt x="0" y="76739"/>
                </a:moveTo>
                <a:lnTo>
                  <a:pt x="820049" y="76739"/>
                </a:lnTo>
                <a:cubicBezTo>
                  <a:pt x="1528328" y="76739"/>
                  <a:pt x="2000502" y="519670"/>
                  <a:pt x="2000502" y="1184065"/>
                </a:cubicBezTo>
                <a:cubicBezTo>
                  <a:pt x="2000502" y="1848460"/>
                  <a:pt x="1528328" y="2291391"/>
                  <a:pt x="820049" y="2291391"/>
                </a:cubicBezTo>
                <a:lnTo>
                  <a:pt x="0" y="2291391"/>
                </a:lnTo>
                <a:close/>
                <a:moveTo>
                  <a:pt x="5214998" y="0"/>
                </a:moveTo>
                <a:cubicBezTo>
                  <a:pt x="5308265" y="0"/>
                  <a:pt x="5392780" y="17641"/>
                  <a:pt x="5474410" y="55393"/>
                </a:cubicBezTo>
                <a:lnTo>
                  <a:pt x="5386944" y="367187"/>
                </a:lnTo>
                <a:cubicBezTo>
                  <a:pt x="5334526" y="349684"/>
                  <a:pt x="5282074" y="340932"/>
                  <a:pt x="5241258" y="340932"/>
                </a:cubicBezTo>
                <a:cubicBezTo>
                  <a:pt x="5112976" y="340932"/>
                  <a:pt x="5025544" y="437131"/>
                  <a:pt x="5025544" y="579901"/>
                </a:cubicBezTo>
                <a:lnTo>
                  <a:pt x="5025544" y="837299"/>
                </a:lnTo>
                <a:lnTo>
                  <a:pt x="5553123" y="837402"/>
                </a:lnTo>
                <a:lnTo>
                  <a:pt x="5553123" y="1152113"/>
                </a:lnTo>
                <a:lnTo>
                  <a:pt x="5025544" y="1152113"/>
                </a:lnTo>
                <a:lnTo>
                  <a:pt x="5025544" y="2291528"/>
                </a:lnTo>
                <a:lnTo>
                  <a:pt x="4640802" y="2291528"/>
                </a:lnTo>
                <a:lnTo>
                  <a:pt x="4640802" y="1152113"/>
                </a:lnTo>
                <a:lnTo>
                  <a:pt x="4423612" y="1152113"/>
                </a:lnTo>
                <a:lnTo>
                  <a:pt x="4423612" y="837402"/>
                </a:lnTo>
                <a:lnTo>
                  <a:pt x="4640802" y="837402"/>
                </a:lnTo>
                <a:lnTo>
                  <a:pt x="4640802" y="580004"/>
                </a:lnTo>
                <a:cubicBezTo>
                  <a:pt x="4640802" y="233134"/>
                  <a:pt x="4871070" y="0"/>
                  <a:pt x="5214998" y="0"/>
                </a:cubicBezTo>
                <a:close/>
              </a:path>
            </a:pathLst>
          </a:custGeom>
          <a:solidFill>
            <a:srgbClr val="FFFFFF"/>
          </a:solidFill>
          <a:ln w="3432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sp>
        <p:nvSpPr>
          <p:cNvPr id="7" name="Pladsholder til billede 6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6858675" cy="12192000"/>
          </a:xfrm>
          <a:custGeom>
            <a:avLst/>
            <a:gdLst>
              <a:gd name="connsiteX0" fmla="*/ 12193200 w 12193200"/>
              <a:gd name="connsiteY0" fmla="*/ 5143500 h 6858000"/>
              <a:gd name="connsiteX1" fmla="*/ 12193200 w 12193200"/>
              <a:gd name="connsiteY1" fmla="*/ 6858000 h 6858000"/>
              <a:gd name="connsiteX2" fmla="*/ 10478700 w 12193200"/>
              <a:gd name="connsiteY2" fmla="*/ 6858000 h 6858000"/>
              <a:gd name="connsiteX3" fmla="*/ 12193200 w 12193200"/>
              <a:gd name="connsiteY3" fmla="*/ 5143500 h 6858000"/>
              <a:gd name="connsiteX4" fmla="*/ 10478700 w 12193200"/>
              <a:gd name="connsiteY4" fmla="*/ 3429000 h 6858000"/>
              <a:gd name="connsiteX5" fmla="*/ 12193200 w 12193200"/>
              <a:gd name="connsiteY5" fmla="*/ 3429000 h 6858000"/>
              <a:gd name="connsiteX6" fmla="*/ 12193200 w 12193200"/>
              <a:gd name="connsiteY6" fmla="*/ 5143500 h 6858000"/>
              <a:gd name="connsiteX7" fmla="*/ 10478700 w 12193200"/>
              <a:gd name="connsiteY7" fmla="*/ 3429000 h 6858000"/>
              <a:gd name="connsiteX8" fmla="*/ 0 w 12193200"/>
              <a:gd name="connsiteY8" fmla="*/ 0 h 6858000"/>
              <a:gd name="connsiteX9" fmla="*/ 8764200 w 12193200"/>
              <a:gd name="connsiteY9" fmla="*/ 0 h 6858000"/>
              <a:gd name="connsiteX10" fmla="*/ 8764200 w 12193200"/>
              <a:gd name="connsiteY10" fmla="*/ 3429000 h 6858000"/>
              <a:gd name="connsiteX11" fmla="*/ 10478700 w 12193200"/>
              <a:gd name="connsiteY11" fmla="*/ 3429000 h 6858000"/>
              <a:gd name="connsiteX12" fmla="*/ 8764200 w 12193200"/>
              <a:gd name="connsiteY12" fmla="*/ 5143500 h 6858000"/>
              <a:gd name="connsiteX13" fmla="*/ 10478700 w 12193200"/>
              <a:gd name="connsiteY13" fmla="*/ 6858000 h 6858000"/>
              <a:gd name="connsiteX14" fmla="*/ 0 w 12193200"/>
              <a:gd name="connsiteY14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</a:cxnLst>
            <a:rect l="l" t="t" r="r" b="b"/>
            <a:pathLst>
              <a:path w="12193200" h="6858000">
                <a:moveTo>
                  <a:pt x="12193200" y="5143500"/>
                </a:moveTo>
                <a:lnTo>
                  <a:pt x="12193200" y="6858000"/>
                </a:lnTo>
                <a:lnTo>
                  <a:pt x="10478700" y="6858000"/>
                </a:lnTo>
                <a:cubicBezTo>
                  <a:pt x="11425592" y="6858000"/>
                  <a:pt x="12193200" y="6090392"/>
                  <a:pt x="12193200" y="5143500"/>
                </a:cubicBezTo>
                <a:close/>
                <a:moveTo>
                  <a:pt x="10478700" y="3429000"/>
                </a:moveTo>
                <a:lnTo>
                  <a:pt x="12193200" y="3429000"/>
                </a:lnTo>
                <a:lnTo>
                  <a:pt x="12193200" y="5143500"/>
                </a:lnTo>
                <a:cubicBezTo>
                  <a:pt x="12193200" y="4196608"/>
                  <a:pt x="11425592" y="3429000"/>
                  <a:pt x="10478700" y="3429000"/>
                </a:cubicBezTo>
                <a:close/>
                <a:moveTo>
                  <a:pt x="0" y="0"/>
                </a:moveTo>
                <a:lnTo>
                  <a:pt x="8764200" y="0"/>
                </a:lnTo>
                <a:lnTo>
                  <a:pt x="8764200" y="3429000"/>
                </a:lnTo>
                <a:lnTo>
                  <a:pt x="10478700" y="3429000"/>
                </a:lnTo>
                <a:cubicBezTo>
                  <a:pt x="9531808" y="3429000"/>
                  <a:pt x="8764200" y="4196608"/>
                  <a:pt x="8764200" y="5143500"/>
                </a:cubicBezTo>
                <a:cubicBezTo>
                  <a:pt x="8764200" y="6090392"/>
                  <a:pt x="9531808" y="6858000"/>
                  <a:pt x="10478700" y="6858000"/>
                </a:cubicBezTo>
                <a:lnTo>
                  <a:pt x="0" y="6858000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lIns="540000" tIns="108000"/>
          <a:lstStyle>
            <a:lvl1pPr marL="0" indent="0" algn="l">
              <a:buNone/>
              <a:defRPr sz="788"/>
            </a:lvl1pPr>
          </a:lstStyle>
          <a:p>
            <a:pPr lvl="0"/>
            <a:r>
              <a:rPr lang="da-DK" noProof="0"/>
              <a:t>Klik på ikonet for at tilføje et billede</a:t>
            </a:r>
            <a:endParaRPr lang="da-DK" noProof="0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 bwMode="white">
          <a:xfrm>
            <a:off x="303750" y="637822"/>
            <a:ext cx="4099479" cy="320000"/>
          </a:xfrm>
        </p:spPr>
        <p:txBody>
          <a:bodyPr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506">
                <a:solidFill>
                  <a:schemeClr val="bg1"/>
                </a:solidFill>
              </a:defRPr>
            </a:lvl1pPr>
            <a:lvl2pPr marL="0" indent="0" algn="l">
              <a:buFont typeface="Arial" panose="020B0604020202020204" pitchFamily="34" charset="0"/>
              <a:buChar char="​"/>
              <a:defRPr sz="1125"/>
            </a:lvl2pPr>
            <a:lvl3pPr marL="0" indent="0" algn="l">
              <a:buFont typeface="Arial" panose="020B0604020202020204" pitchFamily="34" charset="0"/>
              <a:buChar char="​"/>
              <a:defRPr sz="1125"/>
            </a:lvl3pPr>
            <a:lvl4pPr marL="0" indent="0" algn="l">
              <a:buFont typeface="Arial" panose="020B0604020202020204" pitchFamily="34" charset="0"/>
              <a:buChar char="​"/>
              <a:defRPr sz="1125"/>
            </a:lvl4pPr>
            <a:lvl5pPr marL="0" indent="0" algn="l">
              <a:buFont typeface="Arial" panose="020B0604020202020204" pitchFamily="34" charset="0"/>
              <a:buChar char="​"/>
              <a:defRPr sz="1125"/>
            </a:lvl5pPr>
            <a:lvl6pPr marL="0" indent="0" algn="l">
              <a:buFont typeface="Arial" panose="020B0604020202020204" pitchFamily="34" charset="0"/>
              <a:buChar char="​"/>
              <a:defRPr sz="1125"/>
            </a:lvl6pPr>
            <a:lvl7pPr marL="0" indent="0" algn="l">
              <a:buFont typeface="Arial" panose="020B0604020202020204" pitchFamily="34" charset="0"/>
              <a:buChar char="​"/>
              <a:defRPr sz="1125"/>
            </a:lvl7pPr>
            <a:lvl8pPr marL="0" indent="0" algn="l">
              <a:buFont typeface="Arial" panose="020B0604020202020204" pitchFamily="34" charset="0"/>
              <a:buChar char="​"/>
              <a:defRPr sz="1125"/>
            </a:lvl8pPr>
            <a:lvl9pPr marL="0" indent="0" algn="l">
              <a:buFont typeface="Arial" panose="020B0604020202020204" pitchFamily="34" charset="0"/>
              <a:buChar char="​"/>
              <a:defRPr sz="1125"/>
            </a:lvl9pPr>
          </a:lstStyle>
          <a:p>
            <a:r>
              <a:rPr lang="da-DK"/>
              <a:t>Klik for at redigere undertiteltypografien i masteren</a:t>
            </a:r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 bwMode="white">
          <a:xfrm>
            <a:off x="303609" y="3812823"/>
            <a:ext cx="4099621" cy="4442677"/>
          </a:xfrm>
        </p:spPr>
        <p:txBody>
          <a:bodyPr anchor="ctr"/>
          <a:lstStyle>
            <a:lvl1pPr algn="l">
              <a:defRPr sz="3038"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8" name="Date Placeholder 4">
            <a:extLst>
              <a:ext uri="{FF2B5EF4-FFF2-40B4-BE49-F238E27FC236}">
                <a16:creationId xmlns:a16="http://schemas.microsoft.com/office/drawing/2014/main" id="{1EA37B24-8354-3E99-5B6D-EBAA58109798}"/>
              </a:ext>
            </a:extLst>
          </p:cNvPr>
          <p:cNvSpPr>
            <a:spLocks noGrp="1"/>
          </p:cNvSpPr>
          <p:nvPr>
            <p:ph type="dt" sz="half" idx="14"/>
          </p:nvPr>
        </p:nvSpPr>
        <p:spPr bwMode="white">
          <a:xfrm>
            <a:off x="303213" y="11231563"/>
            <a:ext cx="873125" cy="319087"/>
          </a:xfrm>
        </p:spPr>
        <p:txBody>
          <a:bodyPr anchor="b"/>
          <a:lstStyle>
            <a:lvl1pPr>
              <a:defRPr sz="506" smtClean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5FC4DD68-7187-4EDC-B879-B5F309733A3E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9" name="Footer Placeholder 5">
            <a:extLst>
              <a:ext uri="{FF2B5EF4-FFF2-40B4-BE49-F238E27FC236}">
                <a16:creationId xmlns:a16="http://schemas.microsoft.com/office/drawing/2014/main" id="{2C14E543-69DA-EBD5-6652-DA6DD3CB26A3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 bwMode="white">
          <a:xfrm>
            <a:off x="1379538" y="11231563"/>
            <a:ext cx="3024187" cy="319087"/>
          </a:xfrm>
        </p:spPr>
        <p:txBody>
          <a:bodyPr anchor="b"/>
          <a:lstStyle>
            <a:lvl1pPr>
              <a:defRPr sz="506" dirty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10" name="Slide Number Placeholder 14" hidden="1">
            <a:extLst>
              <a:ext uri="{FF2B5EF4-FFF2-40B4-BE49-F238E27FC236}">
                <a16:creationId xmlns:a16="http://schemas.microsoft.com/office/drawing/2014/main" id="{D61BDC06-FD18-782D-D73B-C9C12AC99B53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>
          <a:xfrm>
            <a:off x="0" y="12192000"/>
            <a:ext cx="0" cy="0"/>
          </a:xfrm>
        </p:spPr>
        <p:txBody>
          <a:bodyPr/>
          <a:lstStyle>
            <a:lvl1pPr>
              <a:defRPr smtClean="0">
                <a:noFill/>
              </a:defRPr>
            </a:lvl1pPr>
          </a:lstStyle>
          <a:p>
            <a:pPr>
              <a:defRPr/>
            </a:pPr>
            <a:fld id="{C340240E-5F0E-49D3-8D33-7D0A1176A715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526886858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 slide med helside billed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Oval 9">
            <a:extLst>
              <a:ext uri="{FF2B5EF4-FFF2-40B4-BE49-F238E27FC236}">
                <a16:creationId xmlns:a16="http://schemas.microsoft.com/office/drawing/2014/main" id="{6201E0F7-E835-4FAB-EA34-870C2710E059}"/>
              </a:ext>
            </a:extLst>
          </p:cNvPr>
          <p:cNvSpPr/>
          <p:nvPr userDrawn="1"/>
        </p:nvSpPr>
        <p:spPr>
          <a:xfrm rot="16200000">
            <a:off x="2898776" y="1389062"/>
            <a:ext cx="4089400" cy="1292225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20250" rIns="40500" bIns="2025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900" dirty="0">
              <a:solidFill>
                <a:schemeClr val="accent2"/>
              </a:solidFill>
            </a:endParaRPr>
          </a:p>
        </p:txBody>
      </p:sp>
      <p:sp>
        <p:nvSpPr>
          <p:cNvPr id="22" name="Pladsholder til billede 21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6858675" cy="12192000"/>
          </a:xfrm>
          <a:custGeom>
            <a:avLst/>
            <a:gdLst>
              <a:gd name="connsiteX0" fmla="*/ 0 w 12193200"/>
              <a:gd name="connsiteY0" fmla="*/ 0 h 6858000"/>
              <a:gd name="connsiteX1" fmla="*/ 8789400 w 12193200"/>
              <a:gd name="connsiteY1" fmla="*/ 0 h 6858000"/>
              <a:gd name="connsiteX2" fmla="*/ 7646400 w 12193200"/>
              <a:gd name="connsiteY2" fmla="*/ 1143000 h 6858000"/>
              <a:gd name="connsiteX3" fmla="*/ 8789400 w 12193200"/>
              <a:gd name="connsiteY3" fmla="*/ 2286000 h 6858000"/>
              <a:gd name="connsiteX4" fmla="*/ 9932400 w 12193200"/>
              <a:gd name="connsiteY4" fmla="*/ 1143000 h 6858000"/>
              <a:gd name="connsiteX5" fmla="*/ 8789400 w 12193200"/>
              <a:gd name="connsiteY5" fmla="*/ 0 h 6858000"/>
              <a:gd name="connsiteX6" fmla="*/ 12193200 w 12193200"/>
              <a:gd name="connsiteY6" fmla="*/ 0 h 6858000"/>
              <a:gd name="connsiteX7" fmla="*/ 12193200 w 12193200"/>
              <a:gd name="connsiteY7" fmla="*/ 6858000 h 6858000"/>
              <a:gd name="connsiteX8" fmla="*/ 0 w 12193200"/>
              <a:gd name="connsiteY8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2193200" h="6858000">
                <a:moveTo>
                  <a:pt x="0" y="0"/>
                </a:moveTo>
                <a:lnTo>
                  <a:pt x="8789400" y="0"/>
                </a:lnTo>
                <a:cubicBezTo>
                  <a:pt x="8158139" y="0"/>
                  <a:pt x="7646400" y="511739"/>
                  <a:pt x="7646400" y="1143000"/>
                </a:cubicBezTo>
                <a:cubicBezTo>
                  <a:pt x="7646400" y="1774261"/>
                  <a:pt x="8158139" y="2286000"/>
                  <a:pt x="8789400" y="2286000"/>
                </a:cubicBezTo>
                <a:cubicBezTo>
                  <a:pt x="9420661" y="2286000"/>
                  <a:pt x="9932400" y="1774261"/>
                  <a:pt x="9932400" y="1143000"/>
                </a:cubicBezTo>
                <a:cubicBezTo>
                  <a:pt x="9932400" y="511739"/>
                  <a:pt x="9420661" y="0"/>
                  <a:pt x="8789400" y="0"/>
                </a:cubicBezTo>
                <a:lnTo>
                  <a:pt x="12193200" y="0"/>
                </a:lnTo>
                <a:lnTo>
                  <a:pt x="12193200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lIns="540000" tIns="108000"/>
          <a:lstStyle>
            <a:lvl1pPr marL="0" indent="0" algn="l">
              <a:buNone/>
              <a:defRPr sz="788"/>
            </a:lvl1pPr>
          </a:lstStyle>
          <a:p>
            <a:pPr lvl="0"/>
            <a:r>
              <a:rPr lang="da-DK" noProof="0"/>
              <a:t>Klik på ikonet for at tilføje et billede</a:t>
            </a:r>
            <a:endParaRPr lang="da-DK" noProof="0" dirty="0"/>
          </a:p>
        </p:txBody>
      </p:sp>
      <p:sp>
        <p:nvSpPr>
          <p:cNvPr id="23" name="Logo on top"/>
          <p:cNvSpPr>
            <a:spLocks noGrp="1"/>
          </p:cNvSpPr>
          <p:nvPr>
            <p:ph type="body" sz="quarter" idx="14"/>
          </p:nvPr>
        </p:nvSpPr>
        <p:spPr bwMode="white">
          <a:xfrm>
            <a:off x="6054750" y="640000"/>
            <a:ext cx="498480" cy="887812"/>
          </a:xfrm>
          <a:custGeom>
            <a:avLst/>
            <a:gdLst>
              <a:gd name="connsiteX0" fmla="*/ 4742089 w 6597829"/>
              <a:gd name="connsiteY0" fmla="*/ 1672366 h 3718082"/>
              <a:gd name="connsiteX1" fmla="*/ 4075695 w 6597829"/>
              <a:gd name="connsiteY1" fmla="*/ 2338800 h 3718082"/>
              <a:gd name="connsiteX2" fmla="*/ 4274361 w 6597829"/>
              <a:gd name="connsiteY2" fmla="*/ 2376649 h 3718082"/>
              <a:gd name="connsiteX3" fmla="*/ 4773045 w 6597829"/>
              <a:gd name="connsiteY3" fmla="*/ 1860672 h 3718082"/>
              <a:gd name="connsiteX4" fmla="*/ 4773004 w 6597829"/>
              <a:gd name="connsiteY4" fmla="*/ 1860795 h 3718082"/>
              <a:gd name="connsiteX5" fmla="*/ 4742089 w 6597829"/>
              <a:gd name="connsiteY5" fmla="*/ 1672366 h 3718082"/>
              <a:gd name="connsiteX6" fmla="*/ 4274524 w 6597829"/>
              <a:gd name="connsiteY6" fmla="*/ 1344655 h 3718082"/>
              <a:gd name="connsiteX7" fmla="*/ 3768784 w 6597829"/>
              <a:gd name="connsiteY7" fmla="*/ 1860672 h 3718082"/>
              <a:gd name="connsiteX8" fmla="*/ 3768743 w 6597829"/>
              <a:gd name="connsiteY8" fmla="*/ 1860795 h 3718082"/>
              <a:gd name="connsiteX9" fmla="*/ 3798802 w 6597829"/>
              <a:gd name="connsiteY9" fmla="*/ 2046491 h 3718082"/>
              <a:gd name="connsiteX10" fmla="*/ 4464789 w 6597829"/>
              <a:gd name="connsiteY10" fmla="*/ 1380587 h 3718082"/>
              <a:gd name="connsiteX11" fmla="*/ 4274524 w 6597829"/>
              <a:gd name="connsiteY11" fmla="*/ 1344655 h 3718082"/>
              <a:gd name="connsiteX12" fmla="*/ 2620346 w 6597829"/>
              <a:gd name="connsiteY12" fmla="*/ 995042 h 3718082"/>
              <a:gd name="connsiteX13" fmla="*/ 3077470 w 6597829"/>
              <a:gd name="connsiteY13" fmla="*/ 995042 h 3718082"/>
              <a:gd name="connsiteX14" fmla="*/ 3077470 w 6597829"/>
              <a:gd name="connsiteY14" fmla="*/ 3028808 h 3718082"/>
              <a:gd name="connsiteX15" fmla="*/ 2395251 w 6597829"/>
              <a:gd name="connsiteY15" fmla="*/ 3718082 h 3718082"/>
              <a:gd name="connsiteX16" fmla="*/ 2087035 w 6597829"/>
              <a:gd name="connsiteY16" fmla="*/ 3652254 h 3718082"/>
              <a:gd name="connsiteX17" fmla="*/ 2190956 w 6597829"/>
              <a:gd name="connsiteY17" fmla="*/ 3281841 h 3718082"/>
              <a:gd name="connsiteX18" fmla="*/ 2364050 w 6597829"/>
              <a:gd name="connsiteY18" fmla="*/ 3313001 h 3718082"/>
              <a:gd name="connsiteX19" fmla="*/ 2620346 w 6597829"/>
              <a:gd name="connsiteY19" fmla="*/ 3029053 h 3718082"/>
              <a:gd name="connsiteX20" fmla="*/ 4917793 w 6597829"/>
              <a:gd name="connsiteY20" fmla="*/ 927542 h 3718082"/>
              <a:gd name="connsiteX21" fmla="*/ 5202394 w 6597829"/>
              <a:gd name="connsiteY21" fmla="*/ 1212184 h 3718082"/>
              <a:gd name="connsiteX22" fmla="*/ 5065559 w 6597829"/>
              <a:gd name="connsiteY22" fmla="*/ 1349264 h 3718082"/>
              <a:gd name="connsiteX23" fmla="*/ 5216465 w 6597829"/>
              <a:gd name="connsiteY23" fmla="*/ 1860754 h 3718082"/>
              <a:gd name="connsiteX24" fmla="*/ 4274320 w 6597829"/>
              <a:gd name="connsiteY24" fmla="*/ 2775000 h 3718082"/>
              <a:gd name="connsiteX25" fmla="*/ 3770823 w 6597829"/>
              <a:gd name="connsiteY25" fmla="*/ 2643712 h 3718082"/>
              <a:gd name="connsiteX26" fmla="*/ 3623995 w 6597829"/>
              <a:gd name="connsiteY26" fmla="*/ 2790539 h 3718082"/>
              <a:gd name="connsiteX27" fmla="*/ 3339313 w 6597829"/>
              <a:gd name="connsiteY27" fmla="*/ 2505979 h 3718082"/>
              <a:gd name="connsiteX28" fmla="*/ 3475659 w 6597829"/>
              <a:gd name="connsiteY28" fmla="*/ 2369634 h 3718082"/>
              <a:gd name="connsiteX29" fmla="*/ 3325446 w 6597829"/>
              <a:gd name="connsiteY29" fmla="*/ 1860836 h 3718082"/>
              <a:gd name="connsiteX30" fmla="*/ 4274279 w 6597829"/>
              <a:gd name="connsiteY30" fmla="*/ 943163 h 3718082"/>
              <a:gd name="connsiteX31" fmla="*/ 4770965 w 6597829"/>
              <a:gd name="connsiteY31" fmla="*/ 1074370 h 3718082"/>
              <a:gd name="connsiteX32" fmla="*/ 470950 w 6597829"/>
              <a:gd name="connsiteY32" fmla="*/ 517119 h 3718082"/>
              <a:gd name="connsiteX33" fmla="*/ 470950 w 6597829"/>
              <a:gd name="connsiteY33" fmla="*/ 2297117 h 3718082"/>
              <a:gd name="connsiteX34" fmla="*/ 1005566 w 6597829"/>
              <a:gd name="connsiteY34" fmla="*/ 2297117 h 3718082"/>
              <a:gd name="connsiteX35" fmla="*/ 1902521 w 6597829"/>
              <a:gd name="connsiteY35" fmla="*/ 1407138 h 3718082"/>
              <a:gd name="connsiteX36" fmla="*/ 1005566 w 6597829"/>
              <a:gd name="connsiteY36" fmla="*/ 517119 h 3718082"/>
              <a:gd name="connsiteX37" fmla="*/ 0 w 6597829"/>
              <a:gd name="connsiteY37" fmla="*/ 91196 h 3718082"/>
              <a:gd name="connsiteX38" fmla="*/ 974324 w 6597829"/>
              <a:gd name="connsiteY38" fmla="*/ 91196 h 3718082"/>
              <a:gd name="connsiteX39" fmla="*/ 2376856 w 6597829"/>
              <a:gd name="connsiteY39" fmla="*/ 1407138 h 3718082"/>
              <a:gd name="connsiteX40" fmla="*/ 974324 w 6597829"/>
              <a:gd name="connsiteY40" fmla="*/ 2723080 h 3718082"/>
              <a:gd name="connsiteX41" fmla="*/ 0 w 6597829"/>
              <a:gd name="connsiteY41" fmla="*/ 2723080 h 3718082"/>
              <a:gd name="connsiteX42" fmla="*/ 6196092 w 6597829"/>
              <a:gd name="connsiteY42" fmla="*/ 0 h 3718082"/>
              <a:gd name="connsiteX43" fmla="*/ 6504307 w 6597829"/>
              <a:gd name="connsiteY43" fmla="*/ 65828 h 3718082"/>
              <a:gd name="connsiteX44" fmla="*/ 6400386 w 6597829"/>
              <a:gd name="connsiteY44" fmla="*/ 436364 h 3718082"/>
              <a:gd name="connsiteX45" fmla="*/ 6227293 w 6597829"/>
              <a:gd name="connsiteY45" fmla="*/ 405163 h 3718082"/>
              <a:gd name="connsiteX46" fmla="*/ 5970996 w 6597829"/>
              <a:gd name="connsiteY46" fmla="*/ 689152 h 3718082"/>
              <a:gd name="connsiteX47" fmla="*/ 5970996 w 6597829"/>
              <a:gd name="connsiteY47" fmla="*/ 995043 h 3718082"/>
              <a:gd name="connsiteX48" fmla="*/ 6597829 w 6597829"/>
              <a:gd name="connsiteY48" fmla="*/ 995165 h 3718082"/>
              <a:gd name="connsiteX49" fmla="*/ 6597829 w 6597829"/>
              <a:gd name="connsiteY49" fmla="*/ 1369167 h 3718082"/>
              <a:gd name="connsiteX50" fmla="*/ 5970996 w 6597829"/>
              <a:gd name="connsiteY50" fmla="*/ 1369167 h 3718082"/>
              <a:gd name="connsiteX51" fmla="*/ 5970996 w 6597829"/>
              <a:gd name="connsiteY51" fmla="*/ 2723243 h 3718082"/>
              <a:gd name="connsiteX52" fmla="*/ 5513872 w 6597829"/>
              <a:gd name="connsiteY52" fmla="*/ 2723243 h 3718082"/>
              <a:gd name="connsiteX53" fmla="*/ 5513872 w 6597829"/>
              <a:gd name="connsiteY53" fmla="*/ 1369167 h 3718082"/>
              <a:gd name="connsiteX54" fmla="*/ 5255823 w 6597829"/>
              <a:gd name="connsiteY54" fmla="*/ 1369167 h 3718082"/>
              <a:gd name="connsiteX55" fmla="*/ 5255823 w 6597829"/>
              <a:gd name="connsiteY55" fmla="*/ 995165 h 3718082"/>
              <a:gd name="connsiteX56" fmla="*/ 5513872 w 6597829"/>
              <a:gd name="connsiteY56" fmla="*/ 995165 h 3718082"/>
              <a:gd name="connsiteX57" fmla="*/ 5513872 w 6597829"/>
              <a:gd name="connsiteY57" fmla="*/ 689274 h 3718082"/>
              <a:gd name="connsiteX58" fmla="*/ 6196092 w 6597829"/>
              <a:gd name="connsiteY58" fmla="*/ 0 h 371808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6597829" h="3718082">
                <a:moveTo>
                  <a:pt x="4742089" y="1672366"/>
                </a:moveTo>
                <a:lnTo>
                  <a:pt x="4075695" y="2338800"/>
                </a:lnTo>
                <a:cubicBezTo>
                  <a:pt x="4138912" y="2363973"/>
                  <a:pt x="4206331" y="2376820"/>
                  <a:pt x="4274361" y="2376649"/>
                </a:cubicBezTo>
                <a:cubicBezTo>
                  <a:pt x="4537550" y="2376649"/>
                  <a:pt x="4773045" y="2182877"/>
                  <a:pt x="4773045" y="1860672"/>
                </a:cubicBezTo>
                <a:lnTo>
                  <a:pt x="4773004" y="1860795"/>
                </a:lnTo>
                <a:cubicBezTo>
                  <a:pt x="4773331" y="1796696"/>
                  <a:pt x="4762890" y="1733002"/>
                  <a:pt x="4742089" y="1672366"/>
                </a:cubicBezTo>
                <a:close/>
                <a:moveTo>
                  <a:pt x="4274524" y="1344655"/>
                </a:moveTo>
                <a:cubicBezTo>
                  <a:pt x="4004239" y="1344655"/>
                  <a:pt x="3768784" y="1538467"/>
                  <a:pt x="3768784" y="1860672"/>
                </a:cubicBezTo>
                <a:lnTo>
                  <a:pt x="3768743" y="1860795"/>
                </a:lnTo>
                <a:cubicBezTo>
                  <a:pt x="3768458" y="1923926"/>
                  <a:pt x="3778613" y="1986671"/>
                  <a:pt x="3798802" y="2046491"/>
                </a:cubicBezTo>
                <a:lnTo>
                  <a:pt x="4464789" y="1380587"/>
                </a:lnTo>
                <a:cubicBezTo>
                  <a:pt x="4404181" y="1356732"/>
                  <a:pt x="4339658" y="1344541"/>
                  <a:pt x="4274524" y="1344655"/>
                </a:cubicBezTo>
                <a:close/>
                <a:moveTo>
                  <a:pt x="2620346" y="995042"/>
                </a:moveTo>
                <a:lnTo>
                  <a:pt x="3077470" y="995042"/>
                </a:lnTo>
                <a:lnTo>
                  <a:pt x="3077470" y="3028808"/>
                </a:lnTo>
                <a:cubicBezTo>
                  <a:pt x="3077470" y="3441026"/>
                  <a:pt x="2803880" y="3718082"/>
                  <a:pt x="2395251" y="3718082"/>
                </a:cubicBezTo>
                <a:cubicBezTo>
                  <a:pt x="2284436" y="3718082"/>
                  <a:pt x="2184023" y="3697118"/>
                  <a:pt x="2087035" y="3652254"/>
                </a:cubicBezTo>
                <a:lnTo>
                  <a:pt x="2190956" y="3281841"/>
                </a:lnTo>
                <a:cubicBezTo>
                  <a:pt x="2253235" y="3302641"/>
                  <a:pt x="2315556" y="3313001"/>
                  <a:pt x="2364050" y="3313001"/>
                </a:cubicBezTo>
                <a:cubicBezTo>
                  <a:pt x="2516465" y="3313001"/>
                  <a:pt x="2620346" y="3198720"/>
                  <a:pt x="2620346" y="3029053"/>
                </a:cubicBezTo>
                <a:close/>
                <a:moveTo>
                  <a:pt x="4917793" y="927542"/>
                </a:moveTo>
                <a:lnTo>
                  <a:pt x="5202394" y="1212184"/>
                </a:lnTo>
                <a:lnTo>
                  <a:pt x="5065559" y="1349264"/>
                </a:lnTo>
                <a:cubicBezTo>
                  <a:pt x="5160589" y="1491483"/>
                  <a:pt x="5216465" y="1664984"/>
                  <a:pt x="5216465" y="1860754"/>
                </a:cubicBezTo>
                <a:cubicBezTo>
                  <a:pt x="5216465" y="2404464"/>
                  <a:pt x="4786831" y="2775000"/>
                  <a:pt x="4274320" y="2775000"/>
                </a:cubicBezTo>
                <a:cubicBezTo>
                  <a:pt x="4090051" y="2775000"/>
                  <a:pt x="3917243" y="2728178"/>
                  <a:pt x="3770823" y="2643712"/>
                </a:cubicBezTo>
                <a:lnTo>
                  <a:pt x="3623995" y="2790539"/>
                </a:lnTo>
                <a:lnTo>
                  <a:pt x="3339313" y="2505979"/>
                </a:lnTo>
                <a:lnTo>
                  <a:pt x="3475659" y="2369634"/>
                </a:lnTo>
                <a:cubicBezTo>
                  <a:pt x="3380873" y="2228312"/>
                  <a:pt x="3325446" y="2055790"/>
                  <a:pt x="3325446" y="1860836"/>
                </a:cubicBezTo>
                <a:cubicBezTo>
                  <a:pt x="3325446" y="1317206"/>
                  <a:pt x="3754835" y="943163"/>
                  <a:pt x="4274279" y="943163"/>
                </a:cubicBezTo>
                <a:cubicBezTo>
                  <a:pt x="4455326" y="943163"/>
                  <a:pt x="4625891" y="990026"/>
                  <a:pt x="4770965" y="1074370"/>
                </a:cubicBezTo>
                <a:close/>
                <a:moveTo>
                  <a:pt x="470950" y="517119"/>
                </a:moveTo>
                <a:lnTo>
                  <a:pt x="470950" y="2297117"/>
                </a:lnTo>
                <a:lnTo>
                  <a:pt x="1005566" y="2297117"/>
                </a:lnTo>
                <a:cubicBezTo>
                  <a:pt x="1542262" y="2297117"/>
                  <a:pt x="1902521" y="1940449"/>
                  <a:pt x="1902521" y="1407138"/>
                </a:cubicBezTo>
                <a:cubicBezTo>
                  <a:pt x="1902521" y="873828"/>
                  <a:pt x="1542344" y="517119"/>
                  <a:pt x="1005566" y="517119"/>
                </a:cubicBezTo>
                <a:close/>
                <a:moveTo>
                  <a:pt x="0" y="91196"/>
                </a:moveTo>
                <a:lnTo>
                  <a:pt x="974324" y="91196"/>
                </a:lnTo>
                <a:cubicBezTo>
                  <a:pt x="1815852" y="91196"/>
                  <a:pt x="2376856" y="617573"/>
                  <a:pt x="2376856" y="1407138"/>
                </a:cubicBezTo>
                <a:cubicBezTo>
                  <a:pt x="2376856" y="2196704"/>
                  <a:pt x="1815852" y="2723080"/>
                  <a:pt x="974324" y="2723080"/>
                </a:cubicBezTo>
                <a:lnTo>
                  <a:pt x="0" y="2723080"/>
                </a:lnTo>
                <a:close/>
                <a:moveTo>
                  <a:pt x="6196092" y="0"/>
                </a:moveTo>
                <a:cubicBezTo>
                  <a:pt x="6306906" y="0"/>
                  <a:pt x="6407320" y="20964"/>
                  <a:pt x="6504307" y="65828"/>
                </a:cubicBezTo>
                <a:lnTo>
                  <a:pt x="6400386" y="436364"/>
                </a:lnTo>
                <a:cubicBezTo>
                  <a:pt x="6338106" y="415563"/>
                  <a:pt x="6275787" y="405163"/>
                  <a:pt x="6227293" y="405163"/>
                </a:cubicBezTo>
                <a:cubicBezTo>
                  <a:pt x="6074877" y="405163"/>
                  <a:pt x="5970996" y="519485"/>
                  <a:pt x="5970996" y="689152"/>
                </a:cubicBezTo>
                <a:lnTo>
                  <a:pt x="5970996" y="995043"/>
                </a:lnTo>
                <a:lnTo>
                  <a:pt x="6597829" y="995165"/>
                </a:lnTo>
                <a:lnTo>
                  <a:pt x="6597829" y="1369167"/>
                </a:lnTo>
                <a:lnTo>
                  <a:pt x="5970996" y="1369167"/>
                </a:lnTo>
                <a:lnTo>
                  <a:pt x="5970996" y="2723243"/>
                </a:lnTo>
                <a:lnTo>
                  <a:pt x="5513872" y="2723243"/>
                </a:lnTo>
                <a:lnTo>
                  <a:pt x="5513872" y="1369167"/>
                </a:lnTo>
                <a:lnTo>
                  <a:pt x="5255823" y="1369167"/>
                </a:lnTo>
                <a:lnTo>
                  <a:pt x="5255823" y="995165"/>
                </a:lnTo>
                <a:lnTo>
                  <a:pt x="5513872" y="995165"/>
                </a:lnTo>
                <a:lnTo>
                  <a:pt x="5513872" y="689274"/>
                </a:lnTo>
                <a:cubicBezTo>
                  <a:pt x="5513872" y="277056"/>
                  <a:pt x="5787461" y="0"/>
                  <a:pt x="6196092" y="0"/>
                </a:cubicBezTo>
                <a:close/>
              </a:path>
            </a:pathLst>
          </a:custGeom>
          <a:solidFill>
            <a:srgbClr val="FFFFFF"/>
          </a:solidFill>
        </p:spPr>
        <p:txBody>
          <a:bodyPr wrap="square"/>
          <a:lstStyle>
            <a:lvl1pPr marL="0" indent="0">
              <a:buNone/>
              <a:defRPr sz="100">
                <a:noFill/>
              </a:defRPr>
            </a:lvl1pPr>
            <a:lvl2pPr>
              <a:defRPr sz="100"/>
            </a:lvl2pPr>
            <a:lvl3pPr>
              <a:defRPr sz="100"/>
            </a:lvl3pPr>
            <a:lvl4pPr>
              <a:defRPr sz="100"/>
            </a:lvl4pPr>
            <a:lvl5pPr>
              <a:defRPr sz="100"/>
            </a:lvl5pPr>
          </a:lstStyle>
          <a:p>
            <a:pPr lvl="0"/>
            <a:r>
              <a:rPr lang="da-DK" noProof="0"/>
              <a:t>Klik for at redigere teksttypografierne i masteren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 bwMode="white">
          <a:xfrm>
            <a:off x="303750" y="637822"/>
            <a:ext cx="4099479" cy="320000"/>
          </a:xfrm>
        </p:spPr>
        <p:txBody>
          <a:bodyPr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506">
                <a:solidFill>
                  <a:schemeClr val="bg1"/>
                </a:solidFill>
              </a:defRPr>
            </a:lvl1pPr>
            <a:lvl2pPr marL="0" indent="0" algn="l">
              <a:buFont typeface="Arial" panose="020B0604020202020204" pitchFamily="34" charset="0"/>
              <a:buChar char="​"/>
              <a:defRPr sz="1125"/>
            </a:lvl2pPr>
            <a:lvl3pPr marL="0" indent="0" algn="l">
              <a:buFont typeface="Arial" panose="020B0604020202020204" pitchFamily="34" charset="0"/>
              <a:buChar char="​"/>
              <a:defRPr sz="1125"/>
            </a:lvl3pPr>
            <a:lvl4pPr marL="0" indent="0" algn="l">
              <a:buFont typeface="Arial" panose="020B0604020202020204" pitchFamily="34" charset="0"/>
              <a:buChar char="​"/>
              <a:defRPr sz="1125"/>
            </a:lvl4pPr>
            <a:lvl5pPr marL="0" indent="0" algn="l">
              <a:buFont typeface="Arial" panose="020B0604020202020204" pitchFamily="34" charset="0"/>
              <a:buChar char="​"/>
              <a:defRPr sz="1125"/>
            </a:lvl5pPr>
            <a:lvl6pPr marL="0" indent="0" algn="l">
              <a:buFont typeface="Arial" panose="020B0604020202020204" pitchFamily="34" charset="0"/>
              <a:buChar char="​"/>
              <a:defRPr sz="1125"/>
            </a:lvl6pPr>
            <a:lvl7pPr marL="0" indent="0" algn="l">
              <a:buFont typeface="Arial" panose="020B0604020202020204" pitchFamily="34" charset="0"/>
              <a:buChar char="​"/>
              <a:defRPr sz="1125"/>
            </a:lvl7pPr>
            <a:lvl8pPr marL="0" indent="0" algn="l">
              <a:buFont typeface="Arial" panose="020B0604020202020204" pitchFamily="34" charset="0"/>
              <a:buChar char="​"/>
              <a:defRPr sz="1125"/>
            </a:lvl8pPr>
            <a:lvl9pPr marL="0" indent="0" algn="l">
              <a:buFont typeface="Arial" panose="020B0604020202020204" pitchFamily="34" charset="0"/>
              <a:buChar char="​"/>
              <a:defRPr sz="1125"/>
            </a:lvl9pPr>
          </a:lstStyle>
          <a:p>
            <a:r>
              <a:rPr lang="da-DK"/>
              <a:t>Klik for at redigere undertiteltypografien i masteren</a:t>
            </a:r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 bwMode="white">
          <a:xfrm>
            <a:off x="303609" y="3812823"/>
            <a:ext cx="4099621" cy="4442677"/>
          </a:xfrm>
        </p:spPr>
        <p:txBody>
          <a:bodyPr anchor="ctr"/>
          <a:lstStyle>
            <a:lvl1pPr algn="l">
              <a:defRPr sz="3038"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17" name="Pladsholder til tekst 9"/>
          <p:cNvSpPr>
            <a:spLocks noGrp="1"/>
          </p:cNvSpPr>
          <p:nvPr>
            <p:ph type="body" sz="quarter" idx="21"/>
          </p:nvPr>
        </p:nvSpPr>
        <p:spPr>
          <a:xfrm>
            <a:off x="4301559" y="4064000"/>
            <a:ext cx="1285875" cy="4064000"/>
          </a:xfrm>
          <a:prstGeom prst="ellipse">
            <a:avLst/>
          </a:prstGeom>
          <a:solidFill>
            <a:schemeClr val="accent1"/>
          </a:solidFill>
        </p:spPr>
        <p:txBody>
          <a:bodyPr/>
          <a:lstStyle>
            <a:lvl1pPr>
              <a:defRPr>
                <a:noFill/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22D7197-C3F7-D517-A9B1-43E7F3AA35CB}"/>
              </a:ext>
            </a:extLst>
          </p:cNvPr>
          <p:cNvSpPr>
            <a:spLocks noGrp="1"/>
          </p:cNvSpPr>
          <p:nvPr>
            <p:ph type="dt" sz="half" idx="22"/>
          </p:nvPr>
        </p:nvSpPr>
        <p:spPr bwMode="white">
          <a:xfrm>
            <a:off x="303213" y="11231563"/>
            <a:ext cx="873125" cy="319087"/>
          </a:xfrm>
        </p:spPr>
        <p:txBody>
          <a:bodyPr anchor="b"/>
          <a:lstStyle>
            <a:lvl1pPr>
              <a:defRPr sz="506" smtClean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CF99073F-636E-4DF8-AA6D-12701CCE302C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BA83FD1-E326-73DC-D640-9E0A4700F31A}"/>
              </a:ext>
            </a:extLst>
          </p:cNvPr>
          <p:cNvSpPr>
            <a:spLocks noGrp="1"/>
          </p:cNvSpPr>
          <p:nvPr>
            <p:ph type="ftr" sz="quarter" idx="23"/>
          </p:nvPr>
        </p:nvSpPr>
        <p:spPr bwMode="white">
          <a:xfrm>
            <a:off x="1379538" y="11231563"/>
            <a:ext cx="3024187" cy="319087"/>
          </a:xfrm>
        </p:spPr>
        <p:txBody>
          <a:bodyPr anchor="b"/>
          <a:lstStyle>
            <a:lvl1pPr>
              <a:defRPr sz="506" dirty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7" name="Slide Number Placeholder 14" hidden="1">
            <a:extLst>
              <a:ext uri="{FF2B5EF4-FFF2-40B4-BE49-F238E27FC236}">
                <a16:creationId xmlns:a16="http://schemas.microsoft.com/office/drawing/2014/main" id="{2C270976-4746-45CB-A5F5-51EFCEC1424D}"/>
              </a:ext>
            </a:extLst>
          </p:cNvPr>
          <p:cNvSpPr>
            <a:spLocks noGrp="1"/>
          </p:cNvSpPr>
          <p:nvPr>
            <p:ph type="sldNum" sz="quarter" idx="24"/>
          </p:nvPr>
        </p:nvSpPr>
        <p:spPr>
          <a:xfrm>
            <a:off x="0" y="12192000"/>
            <a:ext cx="0" cy="0"/>
          </a:xfrm>
        </p:spPr>
        <p:txBody>
          <a:bodyPr/>
          <a:lstStyle>
            <a:lvl1pPr>
              <a:defRPr smtClean="0">
                <a:noFill/>
              </a:defRPr>
            </a:lvl1pPr>
          </a:lstStyle>
          <a:p>
            <a:pPr>
              <a:defRPr/>
            </a:pPr>
            <a:fld id="{5105F95E-24A8-4BF1-ACA0-CC9E0BD2E544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834443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mph" presetSubtype="2" repeatCount="indefinite" decel="92000" autoRev="1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>
                                        <p:cTn id="6" dur="9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chemeClr val="accent1"/>
                                      </p:to>
                                    </p:animClr>
                                    <p:set>
                                      <p:cBhvr>
                                        <p:cTn id="7" dur="9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8" dur="9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animBg="1"/>
    </p:bldLst>
  </p:timing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 slide med helside billede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Oval 9">
            <a:extLst>
              <a:ext uri="{FF2B5EF4-FFF2-40B4-BE49-F238E27FC236}">
                <a16:creationId xmlns:a16="http://schemas.microsoft.com/office/drawing/2014/main" id="{7637622F-1338-489C-2A76-FBE3BC1BA6BB}"/>
              </a:ext>
            </a:extLst>
          </p:cNvPr>
          <p:cNvSpPr/>
          <p:nvPr userDrawn="1"/>
        </p:nvSpPr>
        <p:spPr>
          <a:xfrm rot="16200000">
            <a:off x="2898776" y="1389062"/>
            <a:ext cx="4089400" cy="129222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20250" rIns="40500" bIns="2025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900" dirty="0">
              <a:solidFill>
                <a:schemeClr val="accent2"/>
              </a:solidFill>
            </a:endParaRPr>
          </a:p>
        </p:txBody>
      </p:sp>
      <p:sp>
        <p:nvSpPr>
          <p:cNvPr id="5" name="Freeform: Shape 3">
            <a:extLst>
              <a:ext uri="{FF2B5EF4-FFF2-40B4-BE49-F238E27FC236}">
                <a16:creationId xmlns:a16="http://schemas.microsoft.com/office/drawing/2014/main" id="{E177814A-7D3C-9A91-00CD-F74E440EEFB6}"/>
              </a:ext>
            </a:extLst>
          </p:cNvPr>
          <p:cNvSpPr>
            <a:spLocks noChangeAspect="1"/>
          </p:cNvSpPr>
          <p:nvPr userDrawn="1"/>
        </p:nvSpPr>
        <p:spPr>
          <a:xfrm rot="5400000">
            <a:off x="3943350" y="10534650"/>
            <a:ext cx="2041525" cy="1292225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20250" rIns="40500" bIns="2025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900" dirty="0">
              <a:solidFill>
                <a:schemeClr val="accent2"/>
              </a:solidFill>
            </a:endParaRPr>
          </a:p>
        </p:txBody>
      </p:sp>
      <p:sp>
        <p:nvSpPr>
          <p:cNvPr id="10" name="Pladsholder til billede 9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6858675" cy="12192000"/>
          </a:xfrm>
          <a:custGeom>
            <a:avLst/>
            <a:gdLst>
              <a:gd name="connsiteX0" fmla="*/ 0 w 12193200"/>
              <a:gd name="connsiteY0" fmla="*/ 0 h 6858000"/>
              <a:gd name="connsiteX1" fmla="*/ 12193200 w 12193200"/>
              <a:gd name="connsiteY1" fmla="*/ 0 h 6858000"/>
              <a:gd name="connsiteX2" fmla="*/ 12193200 w 12193200"/>
              <a:gd name="connsiteY2" fmla="*/ 6858000 h 6858000"/>
              <a:gd name="connsiteX3" fmla="*/ 9975979 w 12193200"/>
              <a:gd name="connsiteY3" fmla="*/ 6858000 h 6858000"/>
              <a:gd name="connsiteX4" fmla="*/ 8836190 w 12193200"/>
              <a:gd name="connsiteY4" fmla="*/ 5718211 h 6858000"/>
              <a:gd name="connsiteX5" fmla="*/ 7696402 w 12193200"/>
              <a:gd name="connsiteY5" fmla="*/ 6858000 h 6858000"/>
              <a:gd name="connsiteX6" fmla="*/ 0 w 12193200"/>
              <a:gd name="connsiteY6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2193200" h="6858000">
                <a:moveTo>
                  <a:pt x="0" y="0"/>
                </a:moveTo>
                <a:lnTo>
                  <a:pt x="12193200" y="0"/>
                </a:lnTo>
                <a:lnTo>
                  <a:pt x="12193200" y="6858000"/>
                </a:lnTo>
                <a:lnTo>
                  <a:pt x="9975979" y="6858000"/>
                </a:lnTo>
                <a:cubicBezTo>
                  <a:pt x="9975979" y="6228512"/>
                  <a:pt x="9465678" y="5718211"/>
                  <a:pt x="8836190" y="5718211"/>
                </a:cubicBezTo>
                <a:cubicBezTo>
                  <a:pt x="8206703" y="5718211"/>
                  <a:pt x="7696402" y="6228512"/>
                  <a:pt x="7696402" y="6858000"/>
                </a:cubicBezTo>
                <a:lnTo>
                  <a:pt x="0" y="6858000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lIns="540000" tIns="108000"/>
          <a:lstStyle>
            <a:lvl1pPr marL="0" indent="0" algn="l">
              <a:buNone/>
              <a:defRPr sz="788"/>
            </a:lvl1pPr>
          </a:lstStyle>
          <a:p>
            <a:pPr lvl="0"/>
            <a:r>
              <a:rPr lang="da-DK" noProof="0"/>
              <a:t>Klik på ikonet for at tilføje et billede</a:t>
            </a:r>
            <a:endParaRPr lang="da-DK" noProof="0" dirty="0"/>
          </a:p>
        </p:txBody>
      </p:sp>
      <p:sp>
        <p:nvSpPr>
          <p:cNvPr id="23" name="Logo on top"/>
          <p:cNvSpPr>
            <a:spLocks noGrp="1"/>
          </p:cNvSpPr>
          <p:nvPr>
            <p:ph type="body" sz="quarter" idx="14"/>
          </p:nvPr>
        </p:nvSpPr>
        <p:spPr bwMode="white">
          <a:xfrm>
            <a:off x="6054750" y="640000"/>
            <a:ext cx="498480" cy="887812"/>
          </a:xfrm>
          <a:custGeom>
            <a:avLst/>
            <a:gdLst>
              <a:gd name="connsiteX0" fmla="*/ 4742089 w 6597829"/>
              <a:gd name="connsiteY0" fmla="*/ 1672366 h 3718082"/>
              <a:gd name="connsiteX1" fmla="*/ 4075695 w 6597829"/>
              <a:gd name="connsiteY1" fmla="*/ 2338800 h 3718082"/>
              <a:gd name="connsiteX2" fmla="*/ 4274361 w 6597829"/>
              <a:gd name="connsiteY2" fmla="*/ 2376649 h 3718082"/>
              <a:gd name="connsiteX3" fmla="*/ 4773045 w 6597829"/>
              <a:gd name="connsiteY3" fmla="*/ 1860672 h 3718082"/>
              <a:gd name="connsiteX4" fmla="*/ 4773004 w 6597829"/>
              <a:gd name="connsiteY4" fmla="*/ 1860795 h 3718082"/>
              <a:gd name="connsiteX5" fmla="*/ 4742089 w 6597829"/>
              <a:gd name="connsiteY5" fmla="*/ 1672366 h 3718082"/>
              <a:gd name="connsiteX6" fmla="*/ 4274524 w 6597829"/>
              <a:gd name="connsiteY6" fmla="*/ 1344655 h 3718082"/>
              <a:gd name="connsiteX7" fmla="*/ 3768784 w 6597829"/>
              <a:gd name="connsiteY7" fmla="*/ 1860672 h 3718082"/>
              <a:gd name="connsiteX8" fmla="*/ 3768743 w 6597829"/>
              <a:gd name="connsiteY8" fmla="*/ 1860795 h 3718082"/>
              <a:gd name="connsiteX9" fmla="*/ 3798802 w 6597829"/>
              <a:gd name="connsiteY9" fmla="*/ 2046491 h 3718082"/>
              <a:gd name="connsiteX10" fmla="*/ 4464789 w 6597829"/>
              <a:gd name="connsiteY10" fmla="*/ 1380587 h 3718082"/>
              <a:gd name="connsiteX11" fmla="*/ 4274524 w 6597829"/>
              <a:gd name="connsiteY11" fmla="*/ 1344655 h 3718082"/>
              <a:gd name="connsiteX12" fmla="*/ 2620346 w 6597829"/>
              <a:gd name="connsiteY12" fmla="*/ 995042 h 3718082"/>
              <a:gd name="connsiteX13" fmla="*/ 3077470 w 6597829"/>
              <a:gd name="connsiteY13" fmla="*/ 995042 h 3718082"/>
              <a:gd name="connsiteX14" fmla="*/ 3077470 w 6597829"/>
              <a:gd name="connsiteY14" fmla="*/ 3028808 h 3718082"/>
              <a:gd name="connsiteX15" fmla="*/ 2395251 w 6597829"/>
              <a:gd name="connsiteY15" fmla="*/ 3718082 h 3718082"/>
              <a:gd name="connsiteX16" fmla="*/ 2087035 w 6597829"/>
              <a:gd name="connsiteY16" fmla="*/ 3652254 h 3718082"/>
              <a:gd name="connsiteX17" fmla="*/ 2190956 w 6597829"/>
              <a:gd name="connsiteY17" fmla="*/ 3281841 h 3718082"/>
              <a:gd name="connsiteX18" fmla="*/ 2364050 w 6597829"/>
              <a:gd name="connsiteY18" fmla="*/ 3313001 h 3718082"/>
              <a:gd name="connsiteX19" fmla="*/ 2620346 w 6597829"/>
              <a:gd name="connsiteY19" fmla="*/ 3029053 h 3718082"/>
              <a:gd name="connsiteX20" fmla="*/ 4917793 w 6597829"/>
              <a:gd name="connsiteY20" fmla="*/ 927542 h 3718082"/>
              <a:gd name="connsiteX21" fmla="*/ 5202394 w 6597829"/>
              <a:gd name="connsiteY21" fmla="*/ 1212184 h 3718082"/>
              <a:gd name="connsiteX22" fmla="*/ 5065559 w 6597829"/>
              <a:gd name="connsiteY22" fmla="*/ 1349264 h 3718082"/>
              <a:gd name="connsiteX23" fmla="*/ 5216465 w 6597829"/>
              <a:gd name="connsiteY23" fmla="*/ 1860754 h 3718082"/>
              <a:gd name="connsiteX24" fmla="*/ 4274320 w 6597829"/>
              <a:gd name="connsiteY24" fmla="*/ 2775000 h 3718082"/>
              <a:gd name="connsiteX25" fmla="*/ 3770823 w 6597829"/>
              <a:gd name="connsiteY25" fmla="*/ 2643712 h 3718082"/>
              <a:gd name="connsiteX26" fmla="*/ 3623995 w 6597829"/>
              <a:gd name="connsiteY26" fmla="*/ 2790539 h 3718082"/>
              <a:gd name="connsiteX27" fmla="*/ 3339313 w 6597829"/>
              <a:gd name="connsiteY27" fmla="*/ 2505979 h 3718082"/>
              <a:gd name="connsiteX28" fmla="*/ 3475659 w 6597829"/>
              <a:gd name="connsiteY28" fmla="*/ 2369634 h 3718082"/>
              <a:gd name="connsiteX29" fmla="*/ 3325446 w 6597829"/>
              <a:gd name="connsiteY29" fmla="*/ 1860836 h 3718082"/>
              <a:gd name="connsiteX30" fmla="*/ 4274279 w 6597829"/>
              <a:gd name="connsiteY30" fmla="*/ 943163 h 3718082"/>
              <a:gd name="connsiteX31" fmla="*/ 4770965 w 6597829"/>
              <a:gd name="connsiteY31" fmla="*/ 1074370 h 3718082"/>
              <a:gd name="connsiteX32" fmla="*/ 470950 w 6597829"/>
              <a:gd name="connsiteY32" fmla="*/ 517119 h 3718082"/>
              <a:gd name="connsiteX33" fmla="*/ 470950 w 6597829"/>
              <a:gd name="connsiteY33" fmla="*/ 2297117 h 3718082"/>
              <a:gd name="connsiteX34" fmla="*/ 1005566 w 6597829"/>
              <a:gd name="connsiteY34" fmla="*/ 2297117 h 3718082"/>
              <a:gd name="connsiteX35" fmla="*/ 1902521 w 6597829"/>
              <a:gd name="connsiteY35" fmla="*/ 1407138 h 3718082"/>
              <a:gd name="connsiteX36" fmla="*/ 1005566 w 6597829"/>
              <a:gd name="connsiteY36" fmla="*/ 517119 h 3718082"/>
              <a:gd name="connsiteX37" fmla="*/ 0 w 6597829"/>
              <a:gd name="connsiteY37" fmla="*/ 91196 h 3718082"/>
              <a:gd name="connsiteX38" fmla="*/ 974324 w 6597829"/>
              <a:gd name="connsiteY38" fmla="*/ 91196 h 3718082"/>
              <a:gd name="connsiteX39" fmla="*/ 2376856 w 6597829"/>
              <a:gd name="connsiteY39" fmla="*/ 1407138 h 3718082"/>
              <a:gd name="connsiteX40" fmla="*/ 974324 w 6597829"/>
              <a:gd name="connsiteY40" fmla="*/ 2723080 h 3718082"/>
              <a:gd name="connsiteX41" fmla="*/ 0 w 6597829"/>
              <a:gd name="connsiteY41" fmla="*/ 2723080 h 3718082"/>
              <a:gd name="connsiteX42" fmla="*/ 6196092 w 6597829"/>
              <a:gd name="connsiteY42" fmla="*/ 0 h 3718082"/>
              <a:gd name="connsiteX43" fmla="*/ 6504307 w 6597829"/>
              <a:gd name="connsiteY43" fmla="*/ 65828 h 3718082"/>
              <a:gd name="connsiteX44" fmla="*/ 6400386 w 6597829"/>
              <a:gd name="connsiteY44" fmla="*/ 436364 h 3718082"/>
              <a:gd name="connsiteX45" fmla="*/ 6227293 w 6597829"/>
              <a:gd name="connsiteY45" fmla="*/ 405163 h 3718082"/>
              <a:gd name="connsiteX46" fmla="*/ 5970996 w 6597829"/>
              <a:gd name="connsiteY46" fmla="*/ 689152 h 3718082"/>
              <a:gd name="connsiteX47" fmla="*/ 5970996 w 6597829"/>
              <a:gd name="connsiteY47" fmla="*/ 995043 h 3718082"/>
              <a:gd name="connsiteX48" fmla="*/ 6597829 w 6597829"/>
              <a:gd name="connsiteY48" fmla="*/ 995165 h 3718082"/>
              <a:gd name="connsiteX49" fmla="*/ 6597829 w 6597829"/>
              <a:gd name="connsiteY49" fmla="*/ 1369167 h 3718082"/>
              <a:gd name="connsiteX50" fmla="*/ 5970996 w 6597829"/>
              <a:gd name="connsiteY50" fmla="*/ 1369167 h 3718082"/>
              <a:gd name="connsiteX51" fmla="*/ 5970996 w 6597829"/>
              <a:gd name="connsiteY51" fmla="*/ 2723243 h 3718082"/>
              <a:gd name="connsiteX52" fmla="*/ 5513872 w 6597829"/>
              <a:gd name="connsiteY52" fmla="*/ 2723243 h 3718082"/>
              <a:gd name="connsiteX53" fmla="*/ 5513872 w 6597829"/>
              <a:gd name="connsiteY53" fmla="*/ 1369167 h 3718082"/>
              <a:gd name="connsiteX54" fmla="*/ 5255823 w 6597829"/>
              <a:gd name="connsiteY54" fmla="*/ 1369167 h 3718082"/>
              <a:gd name="connsiteX55" fmla="*/ 5255823 w 6597829"/>
              <a:gd name="connsiteY55" fmla="*/ 995165 h 3718082"/>
              <a:gd name="connsiteX56" fmla="*/ 5513872 w 6597829"/>
              <a:gd name="connsiteY56" fmla="*/ 995165 h 3718082"/>
              <a:gd name="connsiteX57" fmla="*/ 5513872 w 6597829"/>
              <a:gd name="connsiteY57" fmla="*/ 689274 h 3718082"/>
              <a:gd name="connsiteX58" fmla="*/ 6196092 w 6597829"/>
              <a:gd name="connsiteY58" fmla="*/ 0 h 371808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6597829" h="3718082">
                <a:moveTo>
                  <a:pt x="4742089" y="1672366"/>
                </a:moveTo>
                <a:lnTo>
                  <a:pt x="4075695" y="2338800"/>
                </a:lnTo>
                <a:cubicBezTo>
                  <a:pt x="4138912" y="2363973"/>
                  <a:pt x="4206331" y="2376820"/>
                  <a:pt x="4274361" y="2376649"/>
                </a:cubicBezTo>
                <a:cubicBezTo>
                  <a:pt x="4537550" y="2376649"/>
                  <a:pt x="4773045" y="2182877"/>
                  <a:pt x="4773045" y="1860672"/>
                </a:cubicBezTo>
                <a:lnTo>
                  <a:pt x="4773004" y="1860795"/>
                </a:lnTo>
                <a:cubicBezTo>
                  <a:pt x="4773331" y="1796696"/>
                  <a:pt x="4762890" y="1733002"/>
                  <a:pt x="4742089" y="1672366"/>
                </a:cubicBezTo>
                <a:close/>
                <a:moveTo>
                  <a:pt x="4274524" y="1344655"/>
                </a:moveTo>
                <a:cubicBezTo>
                  <a:pt x="4004239" y="1344655"/>
                  <a:pt x="3768784" y="1538467"/>
                  <a:pt x="3768784" y="1860672"/>
                </a:cubicBezTo>
                <a:lnTo>
                  <a:pt x="3768743" y="1860795"/>
                </a:lnTo>
                <a:cubicBezTo>
                  <a:pt x="3768458" y="1923926"/>
                  <a:pt x="3778613" y="1986671"/>
                  <a:pt x="3798802" y="2046491"/>
                </a:cubicBezTo>
                <a:lnTo>
                  <a:pt x="4464789" y="1380587"/>
                </a:lnTo>
                <a:cubicBezTo>
                  <a:pt x="4404181" y="1356732"/>
                  <a:pt x="4339658" y="1344541"/>
                  <a:pt x="4274524" y="1344655"/>
                </a:cubicBezTo>
                <a:close/>
                <a:moveTo>
                  <a:pt x="2620346" y="995042"/>
                </a:moveTo>
                <a:lnTo>
                  <a:pt x="3077470" y="995042"/>
                </a:lnTo>
                <a:lnTo>
                  <a:pt x="3077470" y="3028808"/>
                </a:lnTo>
                <a:cubicBezTo>
                  <a:pt x="3077470" y="3441026"/>
                  <a:pt x="2803880" y="3718082"/>
                  <a:pt x="2395251" y="3718082"/>
                </a:cubicBezTo>
                <a:cubicBezTo>
                  <a:pt x="2284436" y="3718082"/>
                  <a:pt x="2184023" y="3697118"/>
                  <a:pt x="2087035" y="3652254"/>
                </a:cubicBezTo>
                <a:lnTo>
                  <a:pt x="2190956" y="3281841"/>
                </a:lnTo>
                <a:cubicBezTo>
                  <a:pt x="2253235" y="3302641"/>
                  <a:pt x="2315556" y="3313001"/>
                  <a:pt x="2364050" y="3313001"/>
                </a:cubicBezTo>
                <a:cubicBezTo>
                  <a:pt x="2516465" y="3313001"/>
                  <a:pt x="2620346" y="3198720"/>
                  <a:pt x="2620346" y="3029053"/>
                </a:cubicBezTo>
                <a:close/>
                <a:moveTo>
                  <a:pt x="4917793" y="927542"/>
                </a:moveTo>
                <a:lnTo>
                  <a:pt x="5202394" y="1212184"/>
                </a:lnTo>
                <a:lnTo>
                  <a:pt x="5065559" y="1349264"/>
                </a:lnTo>
                <a:cubicBezTo>
                  <a:pt x="5160589" y="1491483"/>
                  <a:pt x="5216465" y="1664984"/>
                  <a:pt x="5216465" y="1860754"/>
                </a:cubicBezTo>
                <a:cubicBezTo>
                  <a:pt x="5216465" y="2404464"/>
                  <a:pt x="4786831" y="2775000"/>
                  <a:pt x="4274320" y="2775000"/>
                </a:cubicBezTo>
                <a:cubicBezTo>
                  <a:pt x="4090051" y="2775000"/>
                  <a:pt x="3917243" y="2728178"/>
                  <a:pt x="3770823" y="2643712"/>
                </a:cubicBezTo>
                <a:lnTo>
                  <a:pt x="3623995" y="2790539"/>
                </a:lnTo>
                <a:lnTo>
                  <a:pt x="3339313" y="2505979"/>
                </a:lnTo>
                <a:lnTo>
                  <a:pt x="3475659" y="2369634"/>
                </a:lnTo>
                <a:cubicBezTo>
                  <a:pt x="3380873" y="2228312"/>
                  <a:pt x="3325446" y="2055790"/>
                  <a:pt x="3325446" y="1860836"/>
                </a:cubicBezTo>
                <a:cubicBezTo>
                  <a:pt x="3325446" y="1317206"/>
                  <a:pt x="3754835" y="943163"/>
                  <a:pt x="4274279" y="943163"/>
                </a:cubicBezTo>
                <a:cubicBezTo>
                  <a:pt x="4455326" y="943163"/>
                  <a:pt x="4625891" y="990026"/>
                  <a:pt x="4770965" y="1074370"/>
                </a:cubicBezTo>
                <a:close/>
                <a:moveTo>
                  <a:pt x="470950" y="517119"/>
                </a:moveTo>
                <a:lnTo>
                  <a:pt x="470950" y="2297117"/>
                </a:lnTo>
                <a:lnTo>
                  <a:pt x="1005566" y="2297117"/>
                </a:lnTo>
                <a:cubicBezTo>
                  <a:pt x="1542262" y="2297117"/>
                  <a:pt x="1902521" y="1940449"/>
                  <a:pt x="1902521" y="1407138"/>
                </a:cubicBezTo>
                <a:cubicBezTo>
                  <a:pt x="1902521" y="873828"/>
                  <a:pt x="1542344" y="517119"/>
                  <a:pt x="1005566" y="517119"/>
                </a:cubicBezTo>
                <a:close/>
                <a:moveTo>
                  <a:pt x="0" y="91196"/>
                </a:moveTo>
                <a:lnTo>
                  <a:pt x="974324" y="91196"/>
                </a:lnTo>
                <a:cubicBezTo>
                  <a:pt x="1815852" y="91196"/>
                  <a:pt x="2376856" y="617573"/>
                  <a:pt x="2376856" y="1407138"/>
                </a:cubicBezTo>
                <a:cubicBezTo>
                  <a:pt x="2376856" y="2196704"/>
                  <a:pt x="1815852" y="2723080"/>
                  <a:pt x="974324" y="2723080"/>
                </a:cubicBezTo>
                <a:lnTo>
                  <a:pt x="0" y="2723080"/>
                </a:lnTo>
                <a:close/>
                <a:moveTo>
                  <a:pt x="6196092" y="0"/>
                </a:moveTo>
                <a:cubicBezTo>
                  <a:pt x="6306906" y="0"/>
                  <a:pt x="6407320" y="20964"/>
                  <a:pt x="6504307" y="65828"/>
                </a:cubicBezTo>
                <a:lnTo>
                  <a:pt x="6400386" y="436364"/>
                </a:lnTo>
                <a:cubicBezTo>
                  <a:pt x="6338106" y="415563"/>
                  <a:pt x="6275787" y="405163"/>
                  <a:pt x="6227293" y="405163"/>
                </a:cubicBezTo>
                <a:cubicBezTo>
                  <a:pt x="6074877" y="405163"/>
                  <a:pt x="5970996" y="519485"/>
                  <a:pt x="5970996" y="689152"/>
                </a:cubicBezTo>
                <a:lnTo>
                  <a:pt x="5970996" y="995043"/>
                </a:lnTo>
                <a:lnTo>
                  <a:pt x="6597829" y="995165"/>
                </a:lnTo>
                <a:lnTo>
                  <a:pt x="6597829" y="1369167"/>
                </a:lnTo>
                <a:lnTo>
                  <a:pt x="5970996" y="1369167"/>
                </a:lnTo>
                <a:lnTo>
                  <a:pt x="5970996" y="2723243"/>
                </a:lnTo>
                <a:lnTo>
                  <a:pt x="5513872" y="2723243"/>
                </a:lnTo>
                <a:lnTo>
                  <a:pt x="5513872" y="1369167"/>
                </a:lnTo>
                <a:lnTo>
                  <a:pt x="5255823" y="1369167"/>
                </a:lnTo>
                <a:lnTo>
                  <a:pt x="5255823" y="995165"/>
                </a:lnTo>
                <a:lnTo>
                  <a:pt x="5513872" y="995165"/>
                </a:lnTo>
                <a:lnTo>
                  <a:pt x="5513872" y="689274"/>
                </a:lnTo>
                <a:cubicBezTo>
                  <a:pt x="5513872" y="277056"/>
                  <a:pt x="5787461" y="0"/>
                  <a:pt x="6196092" y="0"/>
                </a:cubicBezTo>
                <a:close/>
              </a:path>
            </a:pathLst>
          </a:custGeom>
          <a:solidFill>
            <a:srgbClr val="FFFFFF"/>
          </a:solidFill>
        </p:spPr>
        <p:txBody>
          <a:bodyPr wrap="square"/>
          <a:lstStyle>
            <a:lvl1pPr marL="0" indent="0">
              <a:buNone/>
              <a:defRPr sz="100">
                <a:noFill/>
              </a:defRPr>
            </a:lvl1pPr>
            <a:lvl2pPr>
              <a:defRPr sz="100"/>
            </a:lvl2pPr>
            <a:lvl3pPr>
              <a:defRPr sz="100"/>
            </a:lvl3pPr>
            <a:lvl4pPr>
              <a:defRPr sz="100"/>
            </a:lvl4pPr>
            <a:lvl5pPr>
              <a:defRPr sz="100"/>
            </a:lvl5pPr>
          </a:lstStyle>
          <a:p>
            <a:pPr lvl="0"/>
            <a:r>
              <a:rPr lang="da-DK" noProof="0"/>
              <a:t>Klik for at redigere teksttypografierne i masteren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 bwMode="white">
          <a:xfrm>
            <a:off x="303750" y="637822"/>
            <a:ext cx="3561019" cy="320000"/>
          </a:xfrm>
        </p:spPr>
        <p:txBody>
          <a:bodyPr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506">
                <a:solidFill>
                  <a:schemeClr val="bg1"/>
                </a:solidFill>
              </a:defRPr>
            </a:lvl1pPr>
            <a:lvl2pPr marL="0" indent="0" algn="l">
              <a:buFont typeface="Arial" panose="020B0604020202020204" pitchFamily="34" charset="0"/>
              <a:buChar char="​"/>
              <a:defRPr sz="1125"/>
            </a:lvl2pPr>
            <a:lvl3pPr marL="0" indent="0" algn="l">
              <a:buFont typeface="Arial" panose="020B0604020202020204" pitchFamily="34" charset="0"/>
              <a:buChar char="​"/>
              <a:defRPr sz="1125"/>
            </a:lvl3pPr>
            <a:lvl4pPr marL="0" indent="0" algn="l">
              <a:buFont typeface="Arial" panose="020B0604020202020204" pitchFamily="34" charset="0"/>
              <a:buChar char="​"/>
              <a:defRPr sz="1125"/>
            </a:lvl4pPr>
            <a:lvl5pPr marL="0" indent="0" algn="l">
              <a:buFont typeface="Arial" panose="020B0604020202020204" pitchFamily="34" charset="0"/>
              <a:buChar char="​"/>
              <a:defRPr sz="1125"/>
            </a:lvl5pPr>
            <a:lvl6pPr marL="0" indent="0" algn="l">
              <a:buFont typeface="Arial" panose="020B0604020202020204" pitchFamily="34" charset="0"/>
              <a:buChar char="​"/>
              <a:defRPr sz="1125"/>
            </a:lvl6pPr>
            <a:lvl7pPr marL="0" indent="0" algn="l">
              <a:buFont typeface="Arial" panose="020B0604020202020204" pitchFamily="34" charset="0"/>
              <a:buChar char="​"/>
              <a:defRPr sz="1125"/>
            </a:lvl7pPr>
            <a:lvl8pPr marL="0" indent="0" algn="l">
              <a:buFont typeface="Arial" panose="020B0604020202020204" pitchFamily="34" charset="0"/>
              <a:buChar char="​"/>
              <a:defRPr sz="1125"/>
            </a:lvl8pPr>
            <a:lvl9pPr marL="0" indent="0" algn="l">
              <a:buFont typeface="Arial" panose="020B0604020202020204" pitchFamily="34" charset="0"/>
              <a:buChar char="​"/>
              <a:defRPr sz="1125"/>
            </a:lvl9pPr>
          </a:lstStyle>
          <a:p>
            <a:r>
              <a:rPr lang="da-DK"/>
              <a:t>Klik for at redigere undertiteltypografien i masteren</a:t>
            </a:r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 bwMode="white">
          <a:xfrm>
            <a:off x="303609" y="3812823"/>
            <a:ext cx="3561161" cy="4442677"/>
          </a:xfrm>
        </p:spPr>
        <p:txBody>
          <a:bodyPr anchor="ctr"/>
          <a:lstStyle>
            <a:lvl1pPr algn="l">
              <a:defRPr sz="3038"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12" name="Pladsholder til tekst 11"/>
          <p:cNvSpPr>
            <a:spLocks noGrp="1"/>
          </p:cNvSpPr>
          <p:nvPr>
            <p:ph type="body" sz="quarter" idx="21"/>
          </p:nvPr>
        </p:nvSpPr>
        <p:spPr>
          <a:xfrm>
            <a:off x="4301559" y="6124800"/>
            <a:ext cx="1279324" cy="4039214"/>
          </a:xfrm>
          <a:custGeom>
            <a:avLst/>
            <a:gdLst>
              <a:gd name="connsiteX0" fmla="*/ 2270548 w 2274354"/>
              <a:gd name="connsiteY0" fmla="*/ 0 h 2272058"/>
              <a:gd name="connsiteX1" fmla="*/ 2274354 w 2274354"/>
              <a:gd name="connsiteY1" fmla="*/ 0 h 2272058"/>
              <a:gd name="connsiteX2" fmla="*/ 2274354 w 2274354"/>
              <a:gd name="connsiteY2" fmla="*/ 2272058 h 2272058"/>
              <a:gd name="connsiteX3" fmla="*/ 0 w 2274354"/>
              <a:gd name="connsiteY3" fmla="*/ 2272058 h 2272058"/>
              <a:gd name="connsiteX4" fmla="*/ 0 w 2274354"/>
              <a:gd name="connsiteY4" fmla="*/ 2270548 h 227205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2274354" h="2272058">
                <a:moveTo>
                  <a:pt x="2270548" y="0"/>
                </a:moveTo>
                <a:lnTo>
                  <a:pt x="2274354" y="0"/>
                </a:lnTo>
                <a:lnTo>
                  <a:pt x="2274354" y="2272058"/>
                </a:lnTo>
                <a:lnTo>
                  <a:pt x="0" y="2272058"/>
                </a:lnTo>
                <a:lnTo>
                  <a:pt x="0" y="2270548"/>
                </a:lnTo>
                <a:close/>
              </a:path>
            </a:pathLst>
          </a:custGeom>
          <a:solidFill>
            <a:schemeClr val="accent1"/>
          </a:solidFill>
        </p:spPr>
        <p:txBody>
          <a:bodyPr wrap="square"/>
          <a:lstStyle>
            <a:lvl1pPr>
              <a:defRPr>
                <a:noFill/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6" name="Date Placeholder 4">
            <a:extLst>
              <a:ext uri="{FF2B5EF4-FFF2-40B4-BE49-F238E27FC236}">
                <a16:creationId xmlns:a16="http://schemas.microsoft.com/office/drawing/2014/main" id="{8AE9B528-9062-C6F8-8542-FF9B44864B5B}"/>
              </a:ext>
            </a:extLst>
          </p:cNvPr>
          <p:cNvSpPr>
            <a:spLocks noGrp="1"/>
          </p:cNvSpPr>
          <p:nvPr>
            <p:ph type="dt" sz="half" idx="22"/>
          </p:nvPr>
        </p:nvSpPr>
        <p:spPr bwMode="white">
          <a:xfrm>
            <a:off x="303213" y="11231563"/>
            <a:ext cx="873125" cy="319087"/>
          </a:xfrm>
        </p:spPr>
        <p:txBody>
          <a:bodyPr anchor="b"/>
          <a:lstStyle>
            <a:lvl1pPr>
              <a:defRPr sz="506" smtClean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F4520E9F-95EA-4B2B-A408-26911BEC78E9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7" name="Footer Placeholder 5">
            <a:extLst>
              <a:ext uri="{FF2B5EF4-FFF2-40B4-BE49-F238E27FC236}">
                <a16:creationId xmlns:a16="http://schemas.microsoft.com/office/drawing/2014/main" id="{A5DDB145-273E-7614-7A80-E3E4F39A5C5E}"/>
              </a:ext>
            </a:extLst>
          </p:cNvPr>
          <p:cNvSpPr>
            <a:spLocks noGrp="1"/>
          </p:cNvSpPr>
          <p:nvPr>
            <p:ph type="ftr" sz="quarter" idx="23"/>
          </p:nvPr>
        </p:nvSpPr>
        <p:spPr bwMode="white">
          <a:xfrm>
            <a:off x="1379538" y="11231563"/>
            <a:ext cx="2486025" cy="319087"/>
          </a:xfrm>
        </p:spPr>
        <p:txBody>
          <a:bodyPr anchor="b"/>
          <a:lstStyle>
            <a:lvl1pPr>
              <a:defRPr sz="506" dirty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8" name="Slide Number Placeholder 14" hidden="1">
            <a:extLst>
              <a:ext uri="{FF2B5EF4-FFF2-40B4-BE49-F238E27FC236}">
                <a16:creationId xmlns:a16="http://schemas.microsoft.com/office/drawing/2014/main" id="{0643664B-7B88-58CF-EDC7-11203991D742}"/>
              </a:ext>
            </a:extLst>
          </p:cNvPr>
          <p:cNvSpPr>
            <a:spLocks noGrp="1"/>
          </p:cNvSpPr>
          <p:nvPr>
            <p:ph type="sldNum" sz="quarter" idx="24"/>
          </p:nvPr>
        </p:nvSpPr>
        <p:spPr>
          <a:xfrm>
            <a:off x="0" y="12192000"/>
            <a:ext cx="0" cy="0"/>
          </a:xfrm>
        </p:spPr>
        <p:txBody>
          <a:bodyPr/>
          <a:lstStyle>
            <a:lvl1pPr>
              <a:defRPr smtClean="0">
                <a:noFill/>
              </a:defRPr>
            </a:lvl1pPr>
          </a:lstStyle>
          <a:p>
            <a:pPr>
              <a:defRPr/>
            </a:pPr>
            <a:fld id="{605DB5C3-FE3D-4C76-974C-B5A34F07CDE3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84790023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mph" presetSubtype="1" repeatCount="indefinite" autoRev="1" grpId="0" nodeType="with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5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6" dur="indefinite"/>
                                        <p:tgtEl>
                                          <p:spTgt spid="4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p:clrVal>
                                          <a:schemeClr val="bg1"/>
                                        </p:clrVal>
                                      </p:to>
                                    </p:set>
                                    <p:set>
                                      <p:cBhvr>
                                        <p:cTn id="7" dur="indefinite"/>
                                        <p:tgtEl>
                                          <p:spTgt spid="4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8" dur="indefinite"/>
                                        <p:tgtEl>
                                          <p:spTgt spid="4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animBg="1"/>
    </p:bldLst>
  </p:timing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 slid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Baggrund">
            <a:extLst>
              <a:ext uri="{FF2B5EF4-FFF2-40B4-BE49-F238E27FC236}">
                <a16:creationId xmlns:a16="http://schemas.microsoft.com/office/drawing/2014/main" id="{C06F9293-27D9-305B-DD6C-827F11D3CB41}"/>
              </a:ext>
            </a:extLst>
          </p:cNvPr>
          <p:cNvSpPr/>
          <p:nvPr/>
        </p:nvSpPr>
        <p:spPr bwMode="ltGray">
          <a:xfrm>
            <a:off x="0" y="0"/>
            <a:ext cx="6858000" cy="12192000"/>
          </a:xfrm>
          <a:custGeom>
            <a:avLst/>
            <a:gdLst>
              <a:gd name="connsiteX0" fmla="*/ -1 w 57499186"/>
              <a:gd name="connsiteY0" fmla="*/ 0 h 32343280"/>
              <a:gd name="connsiteX1" fmla="*/ 57499184 w 57499186"/>
              <a:gd name="connsiteY1" fmla="*/ 0 h 32343280"/>
              <a:gd name="connsiteX2" fmla="*/ 57499184 w 57499186"/>
              <a:gd name="connsiteY2" fmla="*/ 32343280 h 32343280"/>
              <a:gd name="connsiteX3" fmla="*/ -1 w 57499186"/>
              <a:gd name="connsiteY3" fmla="*/ 32343280 h 3234328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57499186" h="32343280">
                <a:moveTo>
                  <a:pt x="-1" y="0"/>
                </a:moveTo>
                <a:lnTo>
                  <a:pt x="57499184" y="0"/>
                </a:lnTo>
                <a:lnTo>
                  <a:pt x="57499184" y="32343280"/>
                </a:lnTo>
                <a:lnTo>
                  <a:pt x="-1" y="32343280"/>
                </a:lnTo>
                <a:close/>
              </a:path>
            </a:pathLst>
          </a:custGeom>
          <a:solidFill>
            <a:schemeClr val="accent1"/>
          </a:solidFill>
          <a:ln w="9525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sp>
        <p:nvSpPr>
          <p:cNvPr id="5" name="Logo">
            <a:extLst>
              <a:ext uri="{FF2B5EF4-FFF2-40B4-BE49-F238E27FC236}">
                <a16:creationId xmlns:a16="http://schemas.microsoft.com/office/drawing/2014/main" id="{F654369E-0235-405A-E053-2795381E7E4D}"/>
              </a:ext>
            </a:extLst>
          </p:cNvPr>
          <p:cNvSpPr/>
          <p:nvPr/>
        </p:nvSpPr>
        <p:spPr bwMode="white">
          <a:xfrm>
            <a:off x="6054725" y="639763"/>
            <a:ext cx="498475" cy="887412"/>
          </a:xfrm>
          <a:custGeom>
            <a:avLst/>
            <a:gdLst>
              <a:gd name="connsiteX0" fmla="*/ 3991223 w 5553123"/>
              <a:gd name="connsiteY0" fmla="*/ 1407246 h 3128654"/>
              <a:gd name="connsiteX1" fmla="*/ 3430346 w 5553123"/>
              <a:gd name="connsiteY1" fmla="*/ 1968030 h 3128654"/>
              <a:gd name="connsiteX2" fmla="*/ 3597555 w 5553123"/>
              <a:gd name="connsiteY2" fmla="*/ 1999879 h 3128654"/>
              <a:gd name="connsiteX3" fmla="*/ 4017277 w 5553123"/>
              <a:gd name="connsiteY3" fmla="*/ 1565700 h 3128654"/>
              <a:gd name="connsiteX4" fmla="*/ 4017243 w 5553123"/>
              <a:gd name="connsiteY4" fmla="*/ 1565803 h 3128654"/>
              <a:gd name="connsiteX5" fmla="*/ 3991223 w 5553123"/>
              <a:gd name="connsiteY5" fmla="*/ 1407246 h 3128654"/>
              <a:gd name="connsiteX6" fmla="*/ 3597692 w 5553123"/>
              <a:gd name="connsiteY6" fmla="*/ 1131487 h 3128654"/>
              <a:gd name="connsiteX7" fmla="*/ 3172031 w 5553123"/>
              <a:gd name="connsiteY7" fmla="*/ 1565700 h 3128654"/>
              <a:gd name="connsiteX8" fmla="*/ 3171997 w 5553123"/>
              <a:gd name="connsiteY8" fmla="*/ 1565803 h 3128654"/>
              <a:gd name="connsiteX9" fmla="*/ 3197296 w 5553123"/>
              <a:gd name="connsiteY9" fmla="*/ 1722061 h 3128654"/>
              <a:gd name="connsiteX10" fmla="*/ 3757830 w 5553123"/>
              <a:gd name="connsiteY10" fmla="*/ 1161723 h 3128654"/>
              <a:gd name="connsiteX11" fmla="*/ 3597692 w 5553123"/>
              <a:gd name="connsiteY11" fmla="*/ 1131487 h 3128654"/>
              <a:gd name="connsiteX12" fmla="*/ 2205438 w 5553123"/>
              <a:gd name="connsiteY12" fmla="*/ 837298 h 3128654"/>
              <a:gd name="connsiteX13" fmla="*/ 2590180 w 5553123"/>
              <a:gd name="connsiteY13" fmla="*/ 837298 h 3128654"/>
              <a:gd name="connsiteX14" fmla="*/ 2590180 w 5553123"/>
              <a:gd name="connsiteY14" fmla="*/ 2548651 h 3128654"/>
              <a:gd name="connsiteX15" fmla="*/ 2015984 w 5553123"/>
              <a:gd name="connsiteY15" fmla="*/ 3128654 h 3128654"/>
              <a:gd name="connsiteX16" fmla="*/ 1756572 w 5553123"/>
              <a:gd name="connsiteY16" fmla="*/ 3073262 h 3128654"/>
              <a:gd name="connsiteX17" fmla="*/ 1844038 w 5553123"/>
              <a:gd name="connsiteY17" fmla="*/ 2761571 h 3128654"/>
              <a:gd name="connsiteX18" fmla="*/ 1989724 w 5553123"/>
              <a:gd name="connsiteY18" fmla="*/ 2787791 h 3128654"/>
              <a:gd name="connsiteX19" fmla="*/ 2205438 w 5553123"/>
              <a:gd name="connsiteY19" fmla="*/ 2548857 h 3128654"/>
              <a:gd name="connsiteX20" fmla="*/ 4139105 w 5553123"/>
              <a:gd name="connsiteY20" fmla="*/ 780499 h 3128654"/>
              <a:gd name="connsiteX21" fmla="*/ 4378642 w 5553123"/>
              <a:gd name="connsiteY21" fmla="*/ 1020017 h 3128654"/>
              <a:gd name="connsiteX22" fmla="*/ 4263474 w 5553123"/>
              <a:gd name="connsiteY22" fmla="*/ 1135365 h 3128654"/>
              <a:gd name="connsiteX23" fmla="*/ 4390485 w 5553123"/>
              <a:gd name="connsiteY23" fmla="*/ 1565769 h 3128654"/>
              <a:gd name="connsiteX24" fmla="*/ 3597520 w 5553123"/>
              <a:gd name="connsiteY24" fmla="*/ 2335080 h 3128654"/>
              <a:gd name="connsiteX25" fmla="*/ 3173748 w 5553123"/>
              <a:gd name="connsiteY25" fmla="*/ 2224604 h 3128654"/>
              <a:gd name="connsiteX26" fmla="*/ 3050169 w 5553123"/>
              <a:gd name="connsiteY26" fmla="*/ 2348155 h 3128654"/>
              <a:gd name="connsiteX27" fmla="*/ 2810563 w 5553123"/>
              <a:gd name="connsiteY27" fmla="*/ 2108707 h 3128654"/>
              <a:gd name="connsiteX28" fmla="*/ 2925320 w 5553123"/>
              <a:gd name="connsiteY28" fmla="*/ 1993976 h 3128654"/>
              <a:gd name="connsiteX29" fmla="*/ 2798892 w 5553123"/>
              <a:gd name="connsiteY29" fmla="*/ 1565838 h 3128654"/>
              <a:gd name="connsiteX30" fmla="*/ 3597486 w 5553123"/>
              <a:gd name="connsiteY30" fmla="*/ 793644 h 3128654"/>
              <a:gd name="connsiteX31" fmla="*/ 4015526 w 5553123"/>
              <a:gd name="connsiteY31" fmla="*/ 904050 h 3128654"/>
              <a:gd name="connsiteX32" fmla="*/ 396379 w 5553123"/>
              <a:gd name="connsiteY32" fmla="*/ 435140 h 3128654"/>
              <a:gd name="connsiteX33" fmla="*/ 396379 w 5553123"/>
              <a:gd name="connsiteY33" fmla="*/ 1932956 h 3128654"/>
              <a:gd name="connsiteX34" fmla="*/ 846344 w 5553123"/>
              <a:gd name="connsiteY34" fmla="*/ 1932956 h 3128654"/>
              <a:gd name="connsiteX35" fmla="*/ 1601274 w 5553123"/>
              <a:gd name="connsiteY35" fmla="*/ 1184065 h 3128654"/>
              <a:gd name="connsiteX36" fmla="*/ 846344 w 5553123"/>
              <a:gd name="connsiteY36" fmla="*/ 435140 h 3128654"/>
              <a:gd name="connsiteX37" fmla="*/ 0 w 5553123"/>
              <a:gd name="connsiteY37" fmla="*/ 76739 h 3128654"/>
              <a:gd name="connsiteX38" fmla="*/ 820049 w 5553123"/>
              <a:gd name="connsiteY38" fmla="*/ 76739 h 3128654"/>
              <a:gd name="connsiteX39" fmla="*/ 2000502 w 5553123"/>
              <a:gd name="connsiteY39" fmla="*/ 1184065 h 3128654"/>
              <a:gd name="connsiteX40" fmla="*/ 820049 w 5553123"/>
              <a:gd name="connsiteY40" fmla="*/ 2291391 h 3128654"/>
              <a:gd name="connsiteX41" fmla="*/ 0 w 5553123"/>
              <a:gd name="connsiteY41" fmla="*/ 2291391 h 3128654"/>
              <a:gd name="connsiteX42" fmla="*/ 5214998 w 5553123"/>
              <a:gd name="connsiteY42" fmla="*/ 0 h 3128654"/>
              <a:gd name="connsiteX43" fmla="*/ 5474410 w 5553123"/>
              <a:gd name="connsiteY43" fmla="*/ 55393 h 3128654"/>
              <a:gd name="connsiteX44" fmla="*/ 5386944 w 5553123"/>
              <a:gd name="connsiteY44" fmla="*/ 367187 h 3128654"/>
              <a:gd name="connsiteX45" fmla="*/ 5241258 w 5553123"/>
              <a:gd name="connsiteY45" fmla="*/ 340932 h 3128654"/>
              <a:gd name="connsiteX46" fmla="*/ 5025544 w 5553123"/>
              <a:gd name="connsiteY46" fmla="*/ 579901 h 3128654"/>
              <a:gd name="connsiteX47" fmla="*/ 5025544 w 5553123"/>
              <a:gd name="connsiteY47" fmla="*/ 837299 h 3128654"/>
              <a:gd name="connsiteX48" fmla="*/ 5553123 w 5553123"/>
              <a:gd name="connsiteY48" fmla="*/ 837402 h 3128654"/>
              <a:gd name="connsiteX49" fmla="*/ 5553123 w 5553123"/>
              <a:gd name="connsiteY49" fmla="*/ 1152113 h 3128654"/>
              <a:gd name="connsiteX50" fmla="*/ 5025544 w 5553123"/>
              <a:gd name="connsiteY50" fmla="*/ 1152113 h 3128654"/>
              <a:gd name="connsiteX51" fmla="*/ 5025544 w 5553123"/>
              <a:gd name="connsiteY51" fmla="*/ 2291528 h 3128654"/>
              <a:gd name="connsiteX52" fmla="*/ 4640802 w 5553123"/>
              <a:gd name="connsiteY52" fmla="*/ 2291528 h 3128654"/>
              <a:gd name="connsiteX53" fmla="*/ 4640802 w 5553123"/>
              <a:gd name="connsiteY53" fmla="*/ 1152113 h 3128654"/>
              <a:gd name="connsiteX54" fmla="*/ 4423612 w 5553123"/>
              <a:gd name="connsiteY54" fmla="*/ 1152113 h 3128654"/>
              <a:gd name="connsiteX55" fmla="*/ 4423612 w 5553123"/>
              <a:gd name="connsiteY55" fmla="*/ 837402 h 3128654"/>
              <a:gd name="connsiteX56" fmla="*/ 4640802 w 5553123"/>
              <a:gd name="connsiteY56" fmla="*/ 837402 h 3128654"/>
              <a:gd name="connsiteX57" fmla="*/ 4640802 w 5553123"/>
              <a:gd name="connsiteY57" fmla="*/ 580004 h 3128654"/>
              <a:gd name="connsiteX58" fmla="*/ 5214998 w 5553123"/>
              <a:gd name="connsiteY58" fmla="*/ 0 h 31286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5553123" h="3128654">
                <a:moveTo>
                  <a:pt x="3991223" y="1407246"/>
                </a:moveTo>
                <a:lnTo>
                  <a:pt x="3430346" y="1968030"/>
                </a:lnTo>
                <a:cubicBezTo>
                  <a:pt x="3483553" y="1989213"/>
                  <a:pt x="3540297" y="2000023"/>
                  <a:pt x="3597555" y="1999879"/>
                </a:cubicBezTo>
                <a:cubicBezTo>
                  <a:pt x="3819070" y="1999879"/>
                  <a:pt x="4017277" y="1836826"/>
                  <a:pt x="4017277" y="1565700"/>
                </a:cubicBezTo>
                <a:lnTo>
                  <a:pt x="4017243" y="1565803"/>
                </a:lnTo>
                <a:cubicBezTo>
                  <a:pt x="4017518" y="1511866"/>
                  <a:pt x="4008729" y="1458269"/>
                  <a:pt x="3991223" y="1407246"/>
                </a:cubicBezTo>
                <a:close/>
                <a:moveTo>
                  <a:pt x="3597692" y="1131487"/>
                </a:moveTo>
                <a:cubicBezTo>
                  <a:pt x="3370204" y="1131487"/>
                  <a:pt x="3172031" y="1294574"/>
                  <a:pt x="3172031" y="1565700"/>
                </a:cubicBezTo>
                <a:lnTo>
                  <a:pt x="3171997" y="1565803"/>
                </a:lnTo>
                <a:cubicBezTo>
                  <a:pt x="3171757" y="1618927"/>
                  <a:pt x="3180304" y="1671724"/>
                  <a:pt x="3197296" y="1722061"/>
                </a:cubicBezTo>
                <a:lnTo>
                  <a:pt x="3757830" y="1161723"/>
                </a:lnTo>
                <a:cubicBezTo>
                  <a:pt x="3706819" y="1141649"/>
                  <a:pt x="3652513" y="1131391"/>
                  <a:pt x="3597692" y="1131487"/>
                </a:cubicBezTo>
                <a:close/>
                <a:moveTo>
                  <a:pt x="2205438" y="837298"/>
                </a:moveTo>
                <a:lnTo>
                  <a:pt x="2590180" y="837298"/>
                </a:lnTo>
                <a:lnTo>
                  <a:pt x="2590180" y="2548651"/>
                </a:lnTo>
                <a:cubicBezTo>
                  <a:pt x="2590180" y="2895520"/>
                  <a:pt x="2359911" y="3128654"/>
                  <a:pt x="2015984" y="3128654"/>
                </a:cubicBezTo>
                <a:cubicBezTo>
                  <a:pt x="1922717" y="3128654"/>
                  <a:pt x="1838202" y="3111014"/>
                  <a:pt x="1756572" y="3073262"/>
                </a:cubicBezTo>
                <a:lnTo>
                  <a:pt x="1844038" y="2761571"/>
                </a:lnTo>
                <a:cubicBezTo>
                  <a:pt x="1896456" y="2779074"/>
                  <a:pt x="1948909" y="2787791"/>
                  <a:pt x="1989724" y="2787791"/>
                </a:cubicBezTo>
                <a:cubicBezTo>
                  <a:pt x="2118006" y="2787791"/>
                  <a:pt x="2205438" y="2691627"/>
                  <a:pt x="2205438" y="2548857"/>
                </a:cubicBezTo>
                <a:close/>
                <a:moveTo>
                  <a:pt x="4139105" y="780499"/>
                </a:moveTo>
                <a:lnTo>
                  <a:pt x="4378642" y="1020017"/>
                </a:lnTo>
                <a:lnTo>
                  <a:pt x="4263474" y="1135365"/>
                </a:lnTo>
                <a:cubicBezTo>
                  <a:pt x="4343457" y="1255038"/>
                  <a:pt x="4390485" y="1401034"/>
                  <a:pt x="4390485" y="1565769"/>
                </a:cubicBezTo>
                <a:cubicBezTo>
                  <a:pt x="4390485" y="2023285"/>
                  <a:pt x="4028880" y="2335080"/>
                  <a:pt x="3597520" y="2335080"/>
                </a:cubicBezTo>
                <a:cubicBezTo>
                  <a:pt x="3442429" y="2335080"/>
                  <a:pt x="3296983" y="2295681"/>
                  <a:pt x="3173748" y="2224604"/>
                </a:cubicBezTo>
                <a:lnTo>
                  <a:pt x="3050169" y="2348155"/>
                </a:lnTo>
                <a:lnTo>
                  <a:pt x="2810563" y="2108707"/>
                </a:lnTo>
                <a:lnTo>
                  <a:pt x="2925320" y="1993976"/>
                </a:lnTo>
                <a:cubicBezTo>
                  <a:pt x="2845543" y="1875058"/>
                  <a:pt x="2798892" y="1729886"/>
                  <a:pt x="2798892" y="1565838"/>
                </a:cubicBezTo>
                <a:cubicBezTo>
                  <a:pt x="2798892" y="1108390"/>
                  <a:pt x="3160291" y="793644"/>
                  <a:pt x="3597486" y="793644"/>
                </a:cubicBezTo>
                <a:cubicBezTo>
                  <a:pt x="3749866" y="793644"/>
                  <a:pt x="3893424" y="833077"/>
                  <a:pt x="4015526" y="904050"/>
                </a:cubicBezTo>
                <a:close/>
                <a:moveTo>
                  <a:pt x="396379" y="435140"/>
                </a:moveTo>
                <a:lnTo>
                  <a:pt x="396379" y="1932956"/>
                </a:lnTo>
                <a:lnTo>
                  <a:pt x="846344" y="1932956"/>
                </a:lnTo>
                <a:cubicBezTo>
                  <a:pt x="1298059" y="1932956"/>
                  <a:pt x="1601274" y="1632830"/>
                  <a:pt x="1601274" y="1184065"/>
                </a:cubicBezTo>
                <a:cubicBezTo>
                  <a:pt x="1601274" y="735300"/>
                  <a:pt x="1298128" y="435140"/>
                  <a:pt x="846344" y="435140"/>
                </a:cubicBezTo>
                <a:close/>
                <a:moveTo>
                  <a:pt x="0" y="76739"/>
                </a:moveTo>
                <a:lnTo>
                  <a:pt x="820049" y="76739"/>
                </a:lnTo>
                <a:cubicBezTo>
                  <a:pt x="1528328" y="76739"/>
                  <a:pt x="2000502" y="519670"/>
                  <a:pt x="2000502" y="1184065"/>
                </a:cubicBezTo>
                <a:cubicBezTo>
                  <a:pt x="2000502" y="1848460"/>
                  <a:pt x="1528328" y="2291391"/>
                  <a:pt x="820049" y="2291391"/>
                </a:cubicBezTo>
                <a:lnTo>
                  <a:pt x="0" y="2291391"/>
                </a:lnTo>
                <a:close/>
                <a:moveTo>
                  <a:pt x="5214998" y="0"/>
                </a:moveTo>
                <a:cubicBezTo>
                  <a:pt x="5308265" y="0"/>
                  <a:pt x="5392780" y="17641"/>
                  <a:pt x="5474410" y="55393"/>
                </a:cubicBezTo>
                <a:lnTo>
                  <a:pt x="5386944" y="367187"/>
                </a:lnTo>
                <a:cubicBezTo>
                  <a:pt x="5334526" y="349684"/>
                  <a:pt x="5282074" y="340932"/>
                  <a:pt x="5241258" y="340932"/>
                </a:cubicBezTo>
                <a:cubicBezTo>
                  <a:pt x="5112976" y="340932"/>
                  <a:pt x="5025544" y="437131"/>
                  <a:pt x="5025544" y="579901"/>
                </a:cubicBezTo>
                <a:lnTo>
                  <a:pt x="5025544" y="837299"/>
                </a:lnTo>
                <a:lnTo>
                  <a:pt x="5553123" y="837402"/>
                </a:lnTo>
                <a:lnTo>
                  <a:pt x="5553123" y="1152113"/>
                </a:lnTo>
                <a:lnTo>
                  <a:pt x="5025544" y="1152113"/>
                </a:lnTo>
                <a:lnTo>
                  <a:pt x="5025544" y="2291528"/>
                </a:lnTo>
                <a:lnTo>
                  <a:pt x="4640802" y="2291528"/>
                </a:lnTo>
                <a:lnTo>
                  <a:pt x="4640802" y="1152113"/>
                </a:lnTo>
                <a:lnTo>
                  <a:pt x="4423612" y="1152113"/>
                </a:lnTo>
                <a:lnTo>
                  <a:pt x="4423612" y="837402"/>
                </a:lnTo>
                <a:lnTo>
                  <a:pt x="4640802" y="837402"/>
                </a:lnTo>
                <a:lnTo>
                  <a:pt x="4640802" y="580004"/>
                </a:lnTo>
                <a:cubicBezTo>
                  <a:pt x="4640802" y="233134"/>
                  <a:pt x="4871070" y="0"/>
                  <a:pt x="5214998" y="0"/>
                </a:cubicBezTo>
                <a:close/>
              </a:path>
            </a:pathLst>
          </a:custGeom>
          <a:solidFill>
            <a:srgbClr val="FFFFFF"/>
          </a:solidFill>
          <a:ln w="3432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sp>
        <p:nvSpPr>
          <p:cNvPr id="6" name="5.element top">
            <a:extLst>
              <a:ext uri="{FF2B5EF4-FFF2-40B4-BE49-F238E27FC236}">
                <a16:creationId xmlns:a16="http://schemas.microsoft.com/office/drawing/2014/main" id="{E8873B4B-B781-3C60-9FA2-E45131CEEA11}"/>
              </a:ext>
            </a:extLst>
          </p:cNvPr>
          <p:cNvSpPr/>
          <p:nvPr/>
        </p:nvSpPr>
        <p:spPr>
          <a:xfrm>
            <a:off x="4929188" y="0"/>
            <a:ext cx="1928812" cy="6096000"/>
          </a:xfrm>
          <a:prstGeom prst="rtTriangle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20250" rIns="40500" bIns="2025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900" dirty="0">
              <a:solidFill>
                <a:schemeClr val="accent2"/>
              </a:solidFill>
            </a:endParaRPr>
          </a:p>
        </p:txBody>
      </p:sp>
      <p:sp>
        <p:nvSpPr>
          <p:cNvPr id="7" name="5.element bund">
            <a:extLst>
              <a:ext uri="{FF2B5EF4-FFF2-40B4-BE49-F238E27FC236}">
                <a16:creationId xmlns:a16="http://schemas.microsoft.com/office/drawing/2014/main" id="{B16DC16B-D6BE-F729-5587-E9BDDCCD6E51}"/>
              </a:ext>
            </a:extLst>
          </p:cNvPr>
          <p:cNvSpPr/>
          <p:nvPr userDrawn="1"/>
        </p:nvSpPr>
        <p:spPr>
          <a:xfrm>
            <a:off x="4929188" y="6096000"/>
            <a:ext cx="1928812" cy="6096000"/>
          </a:xfrm>
          <a:prstGeom prst="ellipse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20250" rIns="40500" bIns="2025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900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 bwMode="white">
          <a:xfrm>
            <a:off x="303750" y="637822"/>
            <a:ext cx="4099479" cy="320000"/>
          </a:xfrm>
        </p:spPr>
        <p:txBody>
          <a:bodyPr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506">
                <a:solidFill>
                  <a:schemeClr val="bg1"/>
                </a:solidFill>
              </a:defRPr>
            </a:lvl1pPr>
            <a:lvl2pPr marL="0" indent="0" algn="l">
              <a:buFont typeface="Arial" panose="020B0604020202020204" pitchFamily="34" charset="0"/>
              <a:buChar char="​"/>
              <a:defRPr sz="1125"/>
            </a:lvl2pPr>
            <a:lvl3pPr marL="0" indent="0" algn="l">
              <a:buFont typeface="Arial" panose="020B0604020202020204" pitchFamily="34" charset="0"/>
              <a:buChar char="​"/>
              <a:defRPr sz="1125"/>
            </a:lvl3pPr>
            <a:lvl4pPr marL="0" indent="0" algn="l">
              <a:buFont typeface="Arial" panose="020B0604020202020204" pitchFamily="34" charset="0"/>
              <a:buChar char="​"/>
              <a:defRPr sz="1125"/>
            </a:lvl4pPr>
            <a:lvl5pPr marL="0" indent="0" algn="l">
              <a:buFont typeface="Arial" panose="020B0604020202020204" pitchFamily="34" charset="0"/>
              <a:buChar char="​"/>
              <a:defRPr sz="1125"/>
            </a:lvl5pPr>
            <a:lvl6pPr marL="0" indent="0" algn="l">
              <a:buFont typeface="Arial" panose="020B0604020202020204" pitchFamily="34" charset="0"/>
              <a:buChar char="​"/>
              <a:defRPr sz="1125"/>
            </a:lvl6pPr>
            <a:lvl7pPr marL="0" indent="0" algn="l">
              <a:buFont typeface="Arial" panose="020B0604020202020204" pitchFamily="34" charset="0"/>
              <a:buChar char="​"/>
              <a:defRPr sz="1125"/>
            </a:lvl7pPr>
            <a:lvl8pPr marL="0" indent="0" algn="l">
              <a:buFont typeface="Arial" panose="020B0604020202020204" pitchFamily="34" charset="0"/>
              <a:buChar char="​"/>
              <a:defRPr sz="1125"/>
            </a:lvl8pPr>
            <a:lvl9pPr marL="0" indent="0" algn="l">
              <a:buFont typeface="Arial" panose="020B0604020202020204" pitchFamily="34" charset="0"/>
              <a:buChar char="​"/>
              <a:defRPr sz="1125"/>
            </a:lvl9pPr>
          </a:lstStyle>
          <a:p>
            <a:r>
              <a:rPr lang="da-DK"/>
              <a:t>Klik for at redigere undertiteltypografien i masteren</a:t>
            </a:r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 bwMode="white">
          <a:xfrm>
            <a:off x="303609" y="3812823"/>
            <a:ext cx="4099620" cy="4441600"/>
          </a:xfrm>
        </p:spPr>
        <p:txBody>
          <a:bodyPr anchor="ctr"/>
          <a:lstStyle>
            <a:lvl1pPr algn="l">
              <a:defRPr sz="3038"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8" name="Date Placeholder 4">
            <a:extLst>
              <a:ext uri="{FF2B5EF4-FFF2-40B4-BE49-F238E27FC236}">
                <a16:creationId xmlns:a16="http://schemas.microsoft.com/office/drawing/2014/main" id="{D2E5C836-6872-A7A1-3873-C73BDE789638}"/>
              </a:ext>
            </a:extLst>
          </p:cNvPr>
          <p:cNvSpPr>
            <a:spLocks noGrp="1"/>
          </p:cNvSpPr>
          <p:nvPr>
            <p:ph type="dt" sz="half" idx="10"/>
          </p:nvPr>
        </p:nvSpPr>
        <p:spPr bwMode="white">
          <a:xfrm>
            <a:off x="306388" y="11231563"/>
            <a:ext cx="871537" cy="319087"/>
          </a:xfrm>
        </p:spPr>
        <p:txBody>
          <a:bodyPr anchor="b"/>
          <a:lstStyle>
            <a:lvl1pPr>
              <a:defRPr smtClean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C4466F16-1C27-4E1D-AAEB-6CAC230CFBD5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9" name="Footer Placeholder 5">
            <a:extLst>
              <a:ext uri="{FF2B5EF4-FFF2-40B4-BE49-F238E27FC236}">
                <a16:creationId xmlns:a16="http://schemas.microsoft.com/office/drawing/2014/main" id="{1C6972C3-510F-2784-3EC2-A783BC9F861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 bwMode="white">
          <a:xfrm>
            <a:off x="1379538" y="11231563"/>
            <a:ext cx="3024187" cy="319087"/>
          </a:xfrm>
        </p:spPr>
        <p:txBody>
          <a:bodyPr anchor="b"/>
          <a:lstStyle>
            <a:lvl1pPr>
              <a:defRPr dirty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10" name="Slide Number Placeholder 14" hidden="1">
            <a:extLst>
              <a:ext uri="{FF2B5EF4-FFF2-40B4-BE49-F238E27FC236}">
                <a16:creationId xmlns:a16="http://schemas.microsoft.com/office/drawing/2014/main" id="{32093756-E1FE-C7FF-3AA0-FCC7B17AE9C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12192000"/>
            <a:ext cx="0" cy="0"/>
          </a:xfrm>
        </p:spPr>
        <p:txBody>
          <a:bodyPr/>
          <a:lstStyle>
            <a:lvl1pPr>
              <a:defRPr smtClean="0">
                <a:noFill/>
              </a:defRPr>
            </a:lvl1pPr>
          </a:lstStyle>
          <a:p>
            <a:pPr>
              <a:defRPr/>
            </a:pPr>
            <a:fld id="{DD822FDD-01E7-4AA8-862F-1F1A3F3DB8AA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25599437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 slid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Baggrund">
            <a:extLst>
              <a:ext uri="{FF2B5EF4-FFF2-40B4-BE49-F238E27FC236}">
                <a16:creationId xmlns:a16="http://schemas.microsoft.com/office/drawing/2014/main" id="{A5408767-57D6-184A-0360-F209D1A90803}"/>
              </a:ext>
            </a:extLst>
          </p:cNvPr>
          <p:cNvSpPr/>
          <p:nvPr/>
        </p:nvSpPr>
        <p:spPr bwMode="ltGray">
          <a:xfrm>
            <a:off x="0" y="0"/>
            <a:ext cx="6858000" cy="12192000"/>
          </a:xfrm>
          <a:custGeom>
            <a:avLst/>
            <a:gdLst>
              <a:gd name="connsiteX0" fmla="*/ -1 w 57499186"/>
              <a:gd name="connsiteY0" fmla="*/ 0 h 32343280"/>
              <a:gd name="connsiteX1" fmla="*/ 57499184 w 57499186"/>
              <a:gd name="connsiteY1" fmla="*/ 0 h 32343280"/>
              <a:gd name="connsiteX2" fmla="*/ 57499184 w 57499186"/>
              <a:gd name="connsiteY2" fmla="*/ 32343280 h 32343280"/>
              <a:gd name="connsiteX3" fmla="*/ -1 w 57499186"/>
              <a:gd name="connsiteY3" fmla="*/ 32343280 h 3234328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57499186" h="32343280">
                <a:moveTo>
                  <a:pt x="-1" y="0"/>
                </a:moveTo>
                <a:lnTo>
                  <a:pt x="57499184" y="0"/>
                </a:lnTo>
                <a:lnTo>
                  <a:pt x="57499184" y="32343280"/>
                </a:lnTo>
                <a:lnTo>
                  <a:pt x="-1" y="32343280"/>
                </a:lnTo>
                <a:close/>
              </a:path>
            </a:pathLst>
          </a:custGeom>
          <a:solidFill>
            <a:schemeClr val="accent1"/>
          </a:solidFill>
          <a:ln w="9525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sp>
        <p:nvSpPr>
          <p:cNvPr id="5" name="Logo">
            <a:extLst>
              <a:ext uri="{FF2B5EF4-FFF2-40B4-BE49-F238E27FC236}">
                <a16:creationId xmlns:a16="http://schemas.microsoft.com/office/drawing/2014/main" id="{CC3BCB4E-8AFC-C6AB-E7A2-6196A3BF0C29}"/>
              </a:ext>
            </a:extLst>
          </p:cNvPr>
          <p:cNvSpPr/>
          <p:nvPr/>
        </p:nvSpPr>
        <p:spPr bwMode="white">
          <a:xfrm>
            <a:off x="6054725" y="639763"/>
            <a:ext cx="498475" cy="887412"/>
          </a:xfrm>
          <a:custGeom>
            <a:avLst/>
            <a:gdLst>
              <a:gd name="connsiteX0" fmla="*/ 3991223 w 5553123"/>
              <a:gd name="connsiteY0" fmla="*/ 1407246 h 3128654"/>
              <a:gd name="connsiteX1" fmla="*/ 3430346 w 5553123"/>
              <a:gd name="connsiteY1" fmla="*/ 1968030 h 3128654"/>
              <a:gd name="connsiteX2" fmla="*/ 3597555 w 5553123"/>
              <a:gd name="connsiteY2" fmla="*/ 1999879 h 3128654"/>
              <a:gd name="connsiteX3" fmla="*/ 4017277 w 5553123"/>
              <a:gd name="connsiteY3" fmla="*/ 1565700 h 3128654"/>
              <a:gd name="connsiteX4" fmla="*/ 4017243 w 5553123"/>
              <a:gd name="connsiteY4" fmla="*/ 1565803 h 3128654"/>
              <a:gd name="connsiteX5" fmla="*/ 3991223 w 5553123"/>
              <a:gd name="connsiteY5" fmla="*/ 1407246 h 3128654"/>
              <a:gd name="connsiteX6" fmla="*/ 3597692 w 5553123"/>
              <a:gd name="connsiteY6" fmla="*/ 1131487 h 3128654"/>
              <a:gd name="connsiteX7" fmla="*/ 3172031 w 5553123"/>
              <a:gd name="connsiteY7" fmla="*/ 1565700 h 3128654"/>
              <a:gd name="connsiteX8" fmla="*/ 3171997 w 5553123"/>
              <a:gd name="connsiteY8" fmla="*/ 1565803 h 3128654"/>
              <a:gd name="connsiteX9" fmla="*/ 3197296 w 5553123"/>
              <a:gd name="connsiteY9" fmla="*/ 1722061 h 3128654"/>
              <a:gd name="connsiteX10" fmla="*/ 3757830 w 5553123"/>
              <a:gd name="connsiteY10" fmla="*/ 1161723 h 3128654"/>
              <a:gd name="connsiteX11" fmla="*/ 3597692 w 5553123"/>
              <a:gd name="connsiteY11" fmla="*/ 1131487 h 3128654"/>
              <a:gd name="connsiteX12" fmla="*/ 2205438 w 5553123"/>
              <a:gd name="connsiteY12" fmla="*/ 837298 h 3128654"/>
              <a:gd name="connsiteX13" fmla="*/ 2590180 w 5553123"/>
              <a:gd name="connsiteY13" fmla="*/ 837298 h 3128654"/>
              <a:gd name="connsiteX14" fmla="*/ 2590180 w 5553123"/>
              <a:gd name="connsiteY14" fmla="*/ 2548651 h 3128654"/>
              <a:gd name="connsiteX15" fmla="*/ 2015984 w 5553123"/>
              <a:gd name="connsiteY15" fmla="*/ 3128654 h 3128654"/>
              <a:gd name="connsiteX16" fmla="*/ 1756572 w 5553123"/>
              <a:gd name="connsiteY16" fmla="*/ 3073262 h 3128654"/>
              <a:gd name="connsiteX17" fmla="*/ 1844038 w 5553123"/>
              <a:gd name="connsiteY17" fmla="*/ 2761571 h 3128654"/>
              <a:gd name="connsiteX18" fmla="*/ 1989724 w 5553123"/>
              <a:gd name="connsiteY18" fmla="*/ 2787791 h 3128654"/>
              <a:gd name="connsiteX19" fmla="*/ 2205438 w 5553123"/>
              <a:gd name="connsiteY19" fmla="*/ 2548857 h 3128654"/>
              <a:gd name="connsiteX20" fmla="*/ 4139105 w 5553123"/>
              <a:gd name="connsiteY20" fmla="*/ 780499 h 3128654"/>
              <a:gd name="connsiteX21" fmla="*/ 4378642 w 5553123"/>
              <a:gd name="connsiteY21" fmla="*/ 1020017 h 3128654"/>
              <a:gd name="connsiteX22" fmla="*/ 4263474 w 5553123"/>
              <a:gd name="connsiteY22" fmla="*/ 1135365 h 3128654"/>
              <a:gd name="connsiteX23" fmla="*/ 4390485 w 5553123"/>
              <a:gd name="connsiteY23" fmla="*/ 1565769 h 3128654"/>
              <a:gd name="connsiteX24" fmla="*/ 3597520 w 5553123"/>
              <a:gd name="connsiteY24" fmla="*/ 2335080 h 3128654"/>
              <a:gd name="connsiteX25" fmla="*/ 3173748 w 5553123"/>
              <a:gd name="connsiteY25" fmla="*/ 2224604 h 3128654"/>
              <a:gd name="connsiteX26" fmla="*/ 3050169 w 5553123"/>
              <a:gd name="connsiteY26" fmla="*/ 2348155 h 3128654"/>
              <a:gd name="connsiteX27" fmla="*/ 2810563 w 5553123"/>
              <a:gd name="connsiteY27" fmla="*/ 2108707 h 3128654"/>
              <a:gd name="connsiteX28" fmla="*/ 2925320 w 5553123"/>
              <a:gd name="connsiteY28" fmla="*/ 1993976 h 3128654"/>
              <a:gd name="connsiteX29" fmla="*/ 2798892 w 5553123"/>
              <a:gd name="connsiteY29" fmla="*/ 1565838 h 3128654"/>
              <a:gd name="connsiteX30" fmla="*/ 3597486 w 5553123"/>
              <a:gd name="connsiteY30" fmla="*/ 793644 h 3128654"/>
              <a:gd name="connsiteX31" fmla="*/ 4015526 w 5553123"/>
              <a:gd name="connsiteY31" fmla="*/ 904050 h 3128654"/>
              <a:gd name="connsiteX32" fmla="*/ 396379 w 5553123"/>
              <a:gd name="connsiteY32" fmla="*/ 435140 h 3128654"/>
              <a:gd name="connsiteX33" fmla="*/ 396379 w 5553123"/>
              <a:gd name="connsiteY33" fmla="*/ 1932956 h 3128654"/>
              <a:gd name="connsiteX34" fmla="*/ 846344 w 5553123"/>
              <a:gd name="connsiteY34" fmla="*/ 1932956 h 3128654"/>
              <a:gd name="connsiteX35" fmla="*/ 1601274 w 5553123"/>
              <a:gd name="connsiteY35" fmla="*/ 1184065 h 3128654"/>
              <a:gd name="connsiteX36" fmla="*/ 846344 w 5553123"/>
              <a:gd name="connsiteY36" fmla="*/ 435140 h 3128654"/>
              <a:gd name="connsiteX37" fmla="*/ 0 w 5553123"/>
              <a:gd name="connsiteY37" fmla="*/ 76739 h 3128654"/>
              <a:gd name="connsiteX38" fmla="*/ 820049 w 5553123"/>
              <a:gd name="connsiteY38" fmla="*/ 76739 h 3128654"/>
              <a:gd name="connsiteX39" fmla="*/ 2000502 w 5553123"/>
              <a:gd name="connsiteY39" fmla="*/ 1184065 h 3128654"/>
              <a:gd name="connsiteX40" fmla="*/ 820049 w 5553123"/>
              <a:gd name="connsiteY40" fmla="*/ 2291391 h 3128654"/>
              <a:gd name="connsiteX41" fmla="*/ 0 w 5553123"/>
              <a:gd name="connsiteY41" fmla="*/ 2291391 h 3128654"/>
              <a:gd name="connsiteX42" fmla="*/ 5214998 w 5553123"/>
              <a:gd name="connsiteY42" fmla="*/ 0 h 3128654"/>
              <a:gd name="connsiteX43" fmla="*/ 5474410 w 5553123"/>
              <a:gd name="connsiteY43" fmla="*/ 55393 h 3128654"/>
              <a:gd name="connsiteX44" fmla="*/ 5386944 w 5553123"/>
              <a:gd name="connsiteY44" fmla="*/ 367187 h 3128654"/>
              <a:gd name="connsiteX45" fmla="*/ 5241258 w 5553123"/>
              <a:gd name="connsiteY45" fmla="*/ 340932 h 3128654"/>
              <a:gd name="connsiteX46" fmla="*/ 5025544 w 5553123"/>
              <a:gd name="connsiteY46" fmla="*/ 579901 h 3128654"/>
              <a:gd name="connsiteX47" fmla="*/ 5025544 w 5553123"/>
              <a:gd name="connsiteY47" fmla="*/ 837299 h 3128654"/>
              <a:gd name="connsiteX48" fmla="*/ 5553123 w 5553123"/>
              <a:gd name="connsiteY48" fmla="*/ 837402 h 3128654"/>
              <a:gd name="connsiteX49" fmla="*/ 5553123 w 5553123"/>
              <a:gd name="connsiteY49" fmla="*/ 1152113 h 3128654"/>
              <a:gd name="connsiteX50" fmla="*/ 5025544 w 5553123"/>
              <a:gd name="connsiteY50" fmla="*/ 1152113 h 3128654"/>
              <a:gd name="connsiteX51" fmla="*/ 5025544 w 5553123"/>
              <a:gd name="connsiteY51" fmla="*/ 2291528 h 3128654"/>
              <a:gd name="connsiteX52" fmla="*/ 4640802 w 5553123"/>
              <a:gd name="connsiteY52" fmla="*/ 2291528 h 3128654"/>
              <a:gd name="connsiteX53" fmla="*/ 4640802 w 5553123"/>
              <a:gd name="connsiteY53" fmla="*/ 1152113 h 3128654"/>
              <a:gd name="connsiteX54" fmla="*/ 4423612 w 5553123"/>
              <a:gd name="connsiteY54" fmla="*/ 1152113 h 3128654"/>
              <a:gd name="connsiteX55" fmla="*/ 4423612 w 5553123"/>
              <a:gd name="connsiteY55" fmla="*/ 837402 h 3128654"/>
              <a:gd name="connsiteX56" fmla="*/ 4640802 w 5553123"/>
              <a:gd name="connsiteY56" fmla="*/ 837402 h 3128654"/>
              <a:gd name="connsiteX57" fmla="*/ 4640802 w 5553123"/>
              <a:gd name="connsiteY57" fmla="*/ 580004 h 3128654"/>
              <a:gd name="connsiteX58" fmla="*/ 5214998 w 5553123"/>
              <a:gd name="connsiteY58" fmla="*/ 0 h 31286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5553123" h="3128654">
                <a:moveTo>
                  <a:pt x="3991223" y="1407246"/>
                </a:moveTo>
                <a:lnTo>
                  <a:pt x="3430346" y="1968030"/>
                </a:lnTo>
                <a:cubicBezTo>
                  <a:pt x="3483553" y="1989213"/>
                  <a:pt x="3540297" y="2000023"/>
                  <a:pt x="3597555" y="1999879"/>
                </a:cubicBezTo>
                <a:cubicBezTo>
                  <a:pt x="3819070" y="1999879"/>
                  <a:pt x="4017277" y="1836826"/>
                  <a:pt x="4017277" y="1565700"/>
                </a:cubicBezTo>
                <a:lnTo>
                  <a:pt x="4017243" y="1565803"/>
                </a:lnTo>
                <a:cubicBezTo>
                  <a:pt x="4017518" y="1511866"/>
                  <a:pt x="4008729" y="1458269"/>
                  <a:pt x="3991223" y="1407246"/>
                </a:cubicBezTo>
                <a:close/>
                <a:moveTo>
                  <a:pt x="3597692" y="1131487"/>
                </a:moveTo>
                <a:cubicBezTo>
                  <a:pt x="3370204" y="1131487"/>
                  <a:pt x="3172031" y="1294574"/>
                  <a:pt x="3172031" y="1565700"/>
                </a:cubicBezTo>
                <a:lnTo>
                  <a:pt x="3171997" y="1565803"/>
                </a:lnTo>
                <a:cubicBezTo>
                  <a:pt x="3171757" y="1618927"/>
                  <a:pt x="3180304" y="1671724"/>
                  <a:pt x="3197296" y="1722061"/>
                </a:cubicBezTo>
                <a:lnTo>
                  <a:pt x="3757830" y="1161723"/>
                </a:lnTo>
                <a:cubicBezTo>
                  <a:pt x="3706819" y="1141649"/>
                  <a:pt x="3652513" y="1131391"/>
                  <a:pt x="3597692" y="1131487"/>
                </a:cubicBezTo>
                <a:close/>
                <a:moveTo>
                  <a:pt x="2205438" y="837298"/>
                </a:moveTo>
                <a:lnTo>
                  <a:pt x="2590180" y="837298"/>
                </a:lnTo>
                <a:lnTo>
                  <a:pt x="2590180" y="2548651"/>
                </a:lnTo>
                <a:cubicBezTo>
                  <a:pt x="2590180" y="2895520"/>
                  <a:pt x="2359911" y="3128654"/>
                  <a:pt x="2015984" y="3128654"/>
                </a:cubicBezTo>
                <a:cubicBezTo>
                  <a:pt x="1922717" y="3128654"/>
                  <a:pt x="1838202" y="3111014"/>
                  <a:pt x="1756572" y="3073262"/>
                </a:cubicBezTo>
                <a:lnTo>
                  <a:pt x="1844038" y="2761571"/>
                </a:lnTo>
                <a:cubicBezTo>
                  <a:pt x="1896456" y="2779074"/>
                  <a:pt x="1948909" y="2787791"/>
                  <a:pt x="1989724" y="2787791"/>
                </a:cubicBezTo>
                <a:cubicBezTo>
                  <a:pt x="2118006" y="2787791"/>
                  <a:pt x="2205438" y="2691627"/>
                  <a:pt x="2205438" y="2548857"/>
                </a:cubicBezTo>
                <a:close/>
                <a:moveTo>
                  <a:pt x="4139105" y="780499"/>
                </a:moveTo>
                <a:lnTo>
                  <a:pt x="4378642" y="1020017"/>
                </a:lnTo>
                <a:lnTo>
                  <a:pt x="4263474" y="1135365"/>
                </a:lnTo>
                <a:cubicBezTo>
                  <a:pt x="4343457" y="1255038"/>
                  <a:pt x="4390485" y="1401034"/>
                  <a:pt x="4390485" y="1565769"/>
                </a:cubicBezTo>
                <a:cubicBezTo>
                  <a:pt x="4390485" y="2023285"/>
                  <a:pt x="4028880" y="2335080"/>
                  <a:pt x="3597520" y="2335080"/>
                </a:cubicBezTo>
                <a:cubicBezTo>
                  <a:pt x="3442429" y="2335080"/>
                  <a:pt x="3296983" y="2295681"/>
                  <a:pt x="3173748" y="2224604"/>
                </a:cubicBezTo>
                <a:lnTo>
                  <a:pt x="3050169" y="2348155"/>
                </a:lnTo>
                <a:lnTo>
                  <a:pt x="2810563" y="2108707"/>
                </a:lnTo>
                <a:lnTo>
                  <a:pt x="2925320" y="1993976"/>
                </a:lnTo>
                <a:cubicBezTo>
                  <a:pt x="2845543" y="1875058"/>
                  <a:pt x="2798892" y="1729886"/>
                  <a:pt x="2798892" y="1565838"/>
                </a:cubicBezTo>
                <a:cubicBezTo>
                  <a:pt x="2798892" y="1108390"/>
                  <a:pt x="3160291" y="793644"/>
                  <a:pt x="3597486" y="793644"/>
                </a:cubicBezTo>
                <a:cubicBezTo>
                  <a:pt x="3749866" y="793644"/>
                  <a:pt x="3893424" y="833077"/>
                  <a:pt x="4015526" y="904050"/>
                </a:cubicBezTo>
                <a:close/>
                <a:moveTo>
                  <a:pt x="396379" y="435140"/>
                </a:moveTo>
                <a:lnTo>
                  <a:pt x="396379" y="1932956"/>
                </a:lnTo>
                <a:lnTo>
                  <a:pt x="846344" y="1932956"/>
                </a:lnTo>
                <a:cubicBezTo>
                  <a:pt x="1298059" y="1932956"/>
                  <a:pt x="1601274" y="1632830"/>
                  <a:pt x="1601274" y="1184065"/>
                </a:cubicBezTo>
                <a:cubicBezTo>
                  <a:pt x="1601274" y="735300"/>
                  <a:pt x="1298128" y="435140"/>
                  <a:pt x="846344" y="435140"/>
                </a:cubicBezTo>
                <a:close/>
                <a:moveTo>
                  <a:pt x="0" y="76739"/>
                </a:moveTo>
                <a:lnTo>
                  <a:pt x="820049" y="76739"/>
                </a:lnTo>
                <a:cubicBezTo>
                  <a:pt x="1528328" y="76739"/>
                  <a:pt x="2000502" y="519670"/>
                  <a:pt x="2000502" y="1184065"/>
                </a:cubicBezTo>
                <a:cubicBezTo>
                  <a:pt x="2000502" y="1848460"/>
                  <a:pt x="1528328" y="2291391"/>
                  <a:pt x="820049" y="2291391"/>
                </a:cubicBezTo>
                <a:lnTo>
                  <a:pt x="0" y="2291391"/>
                </a:lnTo>
                <a:close/>
                <a:moveTo>
                  <a:pt x="5214998" y="0"/>
                </a:moveTo>
                <a:cubicBezTo>
                  <a:pt x="5308265" y="0"/>
                  <a:pt x="5392780" y="17641"/>
                  <a:pt x="5474410" y="55393"/>
                </a:cubicBezTo>
                <a:lnTo>
                  <a:pt x="5386944" y="367187"/>
                </a:lnTo>
                <a:cubicBezTo>
                  <a:pt x="5334526" y="349684"/>
                  <a:pt x="5282074" y="340932"/>
                  <a:pt x="5241258" y="340932"/>
                </a:cubicBezTo>
                <a:cubicBezTo>
                  <a:pt x="5112976" y="340932"/>
                  <a:pt x="5025544" y="437131"/>
                  <a:pt x="5025544" y="579901"/>
                </a:cubicBezTo>
                <a:lnTo>
                  <a:pt x="5025544" y="837299"/>
                </a:lnTo>
                <a:lnTo>
                  <a:pt x="5553123" y="837402"/>
                </a:lnTo>
                <a:lnTo>
                  <a:pt x="5553123" y="1152113"/>
                </a:lnTo>
                <a:lnTo>
                  <a:pt x="5025544" y="1152113"/>
                </a:lnTo>
                <a:lnTo>
                  <a:pt x="5025544" y="2291528"/>
                </a:lnTo>
                <a:lnTo>
                  <a:pt x="4640802" y="2291528"/>
                </a:lnTo>
                <a:lnTo>
                  <a:pt x="4640802" y="1152113"/>
                </a:lnTo>
                <a:lnTo>
                  <a:pt x="4423612" y="1152113"/>
                </a:lnTo>
                <a:lnTo>
                  <a:pt x="4423612" y="837402"/>
                </a:lnTo>
                <a:lnTo>
                  <a:pt x="4640802" y="837402"/>
                </a:lnTo>
                <a:lnTo>
                  <a:pt x="4640802" y="580004"/>
                </a:lnTo>
                <a:cubicBezTo>
                  <a:pt x="4640802" y="233134"/>
                  <a:pt x="4871070" y="0"/>
                  <a:pt x="5214998" y="0"/>
                </a:cubicBezTo>
                <a:close/>
              </a:path>
            </a:pathLst>
          </a:custGeom>
          <a:solidFill>
            <a:srgbClr val="FFFFFF"/>
          </a:solidFill>
          <a:ln w="3432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sp>
        <p:nvSpPr>
          <p:cNvPr id="6" name="5.element top">
            <a:extLst>
              <a:ext uri="{FF2B5EF4-FFF2-40B4-BE49-F238E27FC236}">
                <a16:creationId xmlns:a16="http://schemas.microsoft.com/office/drawing/2014/main" id="{156F8F74-91C1-DD8A-821E-01E632AD9714}"/>
              </a:ext>
            </a:extLst>
          </p:cNvPr>
          <p:cNvSpPr/>
          <p:nvPr/>
        </p:nvSpPr>
        <p:spPr>
          <a:xfrm>
            <a:off x="4929188" y="0"/>
            <a:ext cx="1928812" cy="6096000"/>
          </a:xfrm>
          <a:prstGeom prst="rtTriangle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20250" rIns="40500" bIns="2025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900" dirty="0">
              <a:solidFill>
                <a:schemeClr val="accent2"/>
              </a:solidFill>
            </a:endParaRPr>
          </a:p>
        </p:txBody>
      </p:sp>
      <p:sp>
        <p:nvSpPr>
          <p:cNvPr id="7" name="5.element bund">
            <a:extLst>
              <a:ext uri="{FF2B5EF4-FFF2-40B4-BE49-F238E27FC236}">
                <a16:creationId xmlns:a16="http://schemas.microsoft.com/office/drawing/2014/main" id="{326ACE89-906F-2724-7428-82A8209B95EF}"/>
              </a:ext>
            </a:extLst>
          </p:cNvPr>
          <p:cNvSpPr/>
          <p:nvPr userDrawn="1"/>
        </p:nvSpPr>
        <p:spPr>
          <a:xfrm>
            <a:off x="4929188" y="6096000"/>
            <a:ext cx="1928812" cy="6096000"/>
          </a:xfrm>
          <a:prstGeom prst="ellipse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20250" rIns="40500" bIns="2025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900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 bwMode="white">
          <a:xfrm>
            <a:off x="303751" y="637822"/>
            <a:ext cx="4099479" cy="320000"/>
          </a:xfrm>
        </p:spPr>
        <p:txBody>
          <a:bodyPr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506">
                <a:solidFill>
                  <a:schemeClr val="bg1"/>
                </a:solidFill>
              </a:defRPr>
            </a:lvl1pPr>
            <a:lvl2pPr marL="0" indent="0" algn="l">
              <a:buFont typeface="Arial" panose="020B0604020202020204" pitchFamily="34" charset="0"/>
              <a:buChar char="​"/>
              <a:defRPr sz="1125"/>
            </a:lvl2pPr>
            <a:lvl3pPr marL="0" indent="0" algn="l">
              <a:buFont typeface="Arial" panose="020B0604020202020204" pitchFamily="34" charset="0"/>
              <a:buChar char="​"/>
              <a:defRPr sz="1125"/>
            </a:lvl3pPr>
            <a:lvl4pPr marL="0" indent="0" algn="l">
              <a:buFont typeface="Arial" panose="020B0604020202020204" pitchFamily="34" charset="0"/>
              <a:buChar char="​"/>
              <a:defRPr sz="1125"/>
            </a:lvl4pPr>
            <a:lvl5pPr marL="0" indent="0" algn="l">
              <a:buFont typeface="Arial" panose="020B0604020202020204" pitchFamily="34" charset="0"/>
              <a:buChar char="​"/>
              <a:defRPr sz="1125"/>
            </a:lvl5pPr>
            <a:lvl6pPr marL="0" indent="0" algn="l">
              <a:buFont typeface="Arial" panose="020B0604020202020204" pitchFamily="34" charset="0"/>
              <a:buChar char="​"/>
              <a:defRPr sz="1125"/>
            </a:lvl6pPr>
            <a:lvl7pPr marL="0" indent="0" algn="l">
              <a:buFont typeface="Arial" panose="020B0604020202020204" pitchFamily="34" charset="0"/>
              <a:buChar char="​"/>
              <a:defRPr sz="1125"/>
            </a:lvl7pPr>
            <a:lvl8pPr marL="0" indent="0" algn="l">
              <a:buFont typeface="Arial" panose="020B0604020202020204" pitchFamily="34" charset="0"/>
              <a:buChar char="​"/>
              <a:defRPr sz="1125"/>
            </a:lvl8pPr>
            <a:lvl9pPr marL="0" indent="0" algn="l">
              <a:buFont typeface="Arial" panose="020B0604020202020204" pitchFamily="34" charset="0"/>
              <a:buChar char="​"/>
              <a:defRPr sz="1125"/>
            </a:lvl9pPr>
          </a:lstStyle>
          <a:p>
            <a:r>
              <a:rPr lang="da-DK"/>
              <a:t>Klik for at redigere undertiteltypografien i masteren</a:t>
            </a:r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 bwMode="white">
          <a:xfrm>
            <a:off x="303610" y="3812823"/>
            <a:ext cx="4099620" cy="4441600"/>
          </a:xfrm>
        </p:spPr>
        <p:txBody>
          <a:bodyPr anchor="ctr"/>
          <a:lstStyle>
            <a:lvl1pPr algn="l">
              <a:defRPr sz="3038"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8" name="Date Placeholder 4">
            <a:extLst>
              <a:ext uri="{FF2B5EF4-FFF2-40B4-BE49-F238E27FC236}">
                <a16:creationId xmlns:a16="http://schemas.microsoft.com/office/drawing/2014/main" id="{C9F3DB6F-6EB9-A841-9451-03F245204E22}"/>
              </a:ext>
            </a:extLst>
          </p:cNvPr>
          <p:cNvSpPr>
            <a:spLocks noGrp="1"/>
          </p:cNvSpPr>
          <p:nvPr>
            <p:ph type="dt" sz="half" idx="10"/>
          </p:nvPr>
        </p:nvSpPr>
        <p:spPr bwMode="white">
          <a:xfrm>
            <a:off x="306388" y="11231563"/>
            <a:ext cx="871537" cy="319087"/>
          </a:xfrm>
        </p:spPr>
        <p:txBody>
          <a:bodyPr anchor="b"/>
          <a:lstStyle>
            <a:lvl1pPr>
              <a:defRPr smtClean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6A1C3819-4085-4979-8A42-4D235CC1345B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9" name="Footer Placeholder 5">
            <a:extLst>
              <a:ext uri="{FF2B5EF4-FFF2-40B4-BE49-F238E27FC236}">
                <a16:creationId xmlns:a16="http://schemas.microsoft.com/office/drawing/2014/main" id="{B1602352-861E-1EF2-2B6F-9D409317CD9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 bwMode="white">
          <a:xfrm>
            <a:off x="1379538" y="11231563"/>
            <a:ext cx="3024187" cy="319087"/>
          </a:xfrm>
        </p:spPr>
        <p:txBody>
          <a:bodyPr anchor="b"/>
          <a:lstStyle>
            <a:lvl1pPr>
              <a:defRPr dirty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10" name="Slide Number Placeholder 14" hidden="1">
            <a:extLst>
              <a:ext uri="{FF2B5EF4-FFF2-40B4-BE49-F238E27FC236}">
                <a16:creationId xmlns:a16="http://schemas.microsoft.com/office/drawing/2014/main" id="{0429407A-59D4-2A95-CB26-5BF0EB1C979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12192000"/>
            <a:ext cx="0" cy="0"/>
          </a:xfrm>
        </p:spPr>
        <p:txBody>
          <a:bodyPr/>
          <a:lstStyle>
            <a:lvl1pPr>
              <a:defRPr smtClean="0">
                <a:noFill/>
              </a:defRPr>
            </a:lvl1pPr>
          </a:lstStyle>
          <a:p>
            <a:pPr>
              <a:defRPr/>
            </a:pPr>
            <a:fld id="{4C86CB93-4594-4AD4-9494-EC830B10840B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475939405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 slid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Baggrund">
            <a:extLst>
              <a:ext uri="{FF2B5EF4-FFF2-40B4-BE49-F238E27FC236}">
                <a16:creationId xmlns:a16="http://schemas.microsoft.com/office/drawing/2014/main" id="{6400E973-B18F-A33E-7DBA-5B86708FACD3}"/>
              </a:ext>
            </a:extLst>
          </p:cNvPr>
          <p:cNvSpPr/>
          <p:nvPr/>
        </p:nvSpPr>
        <p:spPr bwMode="gray">
          <a:xfrm>
            <a:off x="0" y="0"/>
            <a:ext cx="6858000" cy="12192000"/>
          </a:xfrm>
          <a:custGeom>
            <a:avLst/>
            <a:gdLst>
              <a:gd name="connsiteX0" fmla="*/ 0 w 10572750"/>
              <a:gd name="connsiteY0" fmla="*/ 0 h 10287000"/>
              <a:gd name="connsiteX1" fmla="*/ 10572750 w 10572750"/>
              <a:gd name="connsiteY1" fmla="*/ 0 h 10287000"/>
              <a:gd name="connsiteX2" fmla="*/ 10572750 w 10572750"/>
              <a:gd name="connsiteY2" fmla="*/ 10287000 h 10287000"/>
              <a:gd name="connsiteX3" fmla="*/ 0 w 10572750"/>
              <a:gd name="connsiteY3" fmla="*/ 10287000 h 10287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572750" h="10287000">
                <a:moveTo>
                  <a:pt x="0" y="0"/>
                </a:moveTo>
                <a:lnTo>
                  <a:pt x="10572750" y="0"/>
                </a:lnTo>
                <a:lnTo>
                  <a:pt x="10572750" y="10287000"/>
                </a:lnTo>
                <a:lnTo>
                  <a:pt x="0" y="10287000"/>
                </a:lnTo>
                <a:close/>
              </a:path>
            </a:pathLst>
          </a:custGeom>
          <a:solidFill>
            <a:schemeClr val="accent2"/>
          </a:solidFill>
          <a:ln w="9525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sp>
        <p:nvSpPr>
          <p:cNvPr id="5" name="Logo">
            <a:extLst>
              <a:ext uri="{FF2B5EF4-FFF2-40B4-BE49-F238E27FC236}">
                <a16:creationId xmlns:a16="http://schemas.microsoft.com/office/drawing/2014/main" id="{2026249F-B5A3-8C50-F081-D9EC89075348}"/>
              </a:ext>
            </a:extLst>
          </p:cNvPr>
          <p:cNvSpPr/>
          <p:nvPr userDrawn="1"/>
        </p:nvSpPr>
        <p:spPr bwMode="white">
          <a:xfrm>
            <a:off x="6054725" y="639763"/>
            <a:ext cx="498475" cy="887412"/>
          </a:xfrm>
          <a:custGeom>
            <a:avLst/>
            <a:gdLst>
              <a:gd name="connsiteX0" fmla="*/ 3991223 w 5553123"/>
              <a:gd name="connsiteY0" fmla="*/ 1407246 h 3128654"/>
              <a:gd name="connsiteX1" fmla="*/ 3430346 w 5553123"/>
              <a:gd name="connsiteY1" fmla="*/ 1968030 h 3128654"/>
              <a:gd name="connsiteX2" fmla="*/ 3597555 w 5553123"/>
              <a:gd name="connsiteY2" fmla="*/ 1999879 h 3128654"/>
              <a:gd name="connsiteX3" fmla="*/ 4017277 w 5553123"/>
              <a:gd name="connsiteY3" fmla="*/ 1565700 h 3128654"/>
              <a:gd name="connsiteX4" fmla="*/ 4017243 w 5553123"/>
              <a:gd name="connsiteY4" fmla="*/ 1565803 h 3128654"/>
              <a:gd name="connsiteX5" fmla="*/ 3991223 w 5553123"/>
              <a:gd name="connsiteY5" fmla="*/ 1407246 h 3128654"/>
              <a:gd name="connsiteX6" fmla="*/ 3597692 w 5553123"/>
              <a:gd name="connsiteY6" fmla="*/ 1131487 h 3128654"/>
              <a:gd name="connsiteX7" fmla="*/ 3172031 w 5553123"/>
              <a:gd name="connsiteY7" fmla="*/ 1565700 h 3128654"/>
              <a:gd name="connsiteX8" fmla="*/ 3171997 w 5553123"/>
              <a:gd name="connsiteY8" fmla="*/ 1565803 h 3128654"/>
              <a:gd name="connsiteX9" fmla="*/ 3197296 w 5553123"/>
              <a:gd name="connsiteY9" fmla="*/ 1722061 h 3128654"/>
              <a:gd name="connsiteX10" fmla="*/ 3757830 w 5553123"/>
              <a:gd name="connsiteY10" fmla="*/ 1161723 h 3128654"/>
              <a:gd name="connsiteX11" fmla="*/ 3597692 w 5553123"/>
              <a:gd name="connsiteY11" fmla="*/ 1131487 h 3128654"/>
              <a:gd name="connsiteX12" fmla="*/ 2205438 w 5553123"/>
              <a:gd name="connsiteY12" fmla="*/ 837298 h 3128654"/>
              <a:gd name="connsiteX13" fmla="*/ 2590180 w 5553123"/>
              <a:gd name="connsiteY13" fmla="*/ 837298 h 3128654"/>
              <a:gd name="connsiteX14" fmla="*/ 2590180 w 5553123"/>
              <a:gd name="connsiteY14" fmla="*/ 2548651 h 3128654"/>
              <a:gd name="connsiteX15" fmla="*/ 2015984 w 5553123"/>
              <a:gd name="connsiteY15" fmla="*/ 3128654 h 3128654"/>
              <a:gd name="connsiteX16" fmla="*/ 1756572 w 5553123"/>
              <a:gd name="connsiteY16" fmla="*/ 3073262 h 3128654"/>
              <a:gd name="connsiteX17" fmla="*/ 1844038 w 5553123"/>
              <a:gd name="connsiteY17" fmla="*/ 2761571 h 3128654"/>
              <a:gd name="connsiteX18" fmla="*/ 1989724 w 5553123"/>
              <a:gd name="connsiteY18" fmla="*/ 2787791 h 3128654"/>
              <a:gd name="connsiteX19" fmla="*/ 2205438 w 5553123"/>
              <a:gd name="connsiteY19" fmla="*/ 2548857 h 3128654"/>
              <a:gd name="connsiteX20" fmla="*/ 4139105 w 5553123"/>
              <a:gd name="connsiteY20" fmla="*/ 780499 h 3128654"/>
              <a:gd name="connsiteX21" fmla="*/ 4378642 w 5553123"/>
              <a:gd name="connsiteY21" fmla="*/ 1020017 h 3128654"/>
              <a:gd name="connsiteX22" fmla="*/ 4263474 w 5553123"/>
              <a:gd name="connsiteY22" fmla="*/ 1135365 h 3128654"/>
              <a:gd name="connsiteX23" fmla="*/ 4390485 w 5553123"/>
              <a:gd name="connsiteY23" fmla="*/ 1565769 h 3128654"/>
              <a:gd name="connsiteX24" fmla="*/ 3597520 w 5553123"/>
              <a:gd name="connsiteY24" fmla="*/ 2335080 h 3128654"/>
              <a:gd name="connsiteX25" fmla="*/ 3173748 w 5553123"/>
              <a:gd name="connsiteY25" fmla="*/ 2224604 h 3128654"/>
              <a:gd name="connsiteX26" fmla="*/ 3050169 w 5553123"/>
              <a:gd name="connsiteY26" fmla="*/ 2348155 h 3128654"/>
              <a:gd name="connsiteX27" fmla="*/ 2810563 w 5553123"/>
              <a:gd name="connsiteY27" fmla="*/ 2108707 h 3128654"/>
              <a:gd name="connsiteX28" fmla="*/ 2925320 w 5553123"/>
              <a:gd name="connsiteY28" fmla="*/ 1993976 h 3128654"/>
              <a:gd name="connsiteX29" fmla="*/ 2798892 w 5553123"/>
              <a:gd name="connsiteY29" fmla="*/ 1565838 h 3128654"/>
              <a:gd name="connsiteX30" fmla="*/ 3597486 w 5553123"/>
              <a:gd name="connsiteY30" fmla="*/ 793644 h 3128654"/>
              <a:gd name="connsiteX31" fmla="*/ 4015526 w 5553123"/>
              <a:gd name="connsiteY31" fmla="*/ 904050 h 3128654"/>
              <a:gd name="connsiteX32" fmla="*/ 396379 w 5553123"/>
              <a:gd name="connsiteY32" fmla="*/ 435140 h 3128654"/>
              <a:gd name="connsiteX33" fmla="*/ 396379 w 5553123"/>
              <a:gd name="connsiteY33" fmla="*/ 1932956 h 3128654"/>
              <a:gd name="connsiteX34" fmla="*/ 846344 w 5553123"/>
              <a:gd name="connsiteY34" fmla="*/ 1932956 h 3128654"/>
              <a:gd name="connsiteX35" fmla="*/ 1601274 w 5553123"/>
              <a:gd name="connsiteY35" fmla="*/ 1184065 h 3128654"/>
              <a:gd name="connsiteX36" fmla="*/ 846344 w 5553123"/>
              <a:gd name="connsiteY36" fmla="*/ 435140 h 3128654"/>
              <a:gd name="connsiteX37" fmla="*/ 0 w 5553123"/>
              <a:gd name="connsiteY37" fmla="*/ 76739 h 3128654"/>
              <a:gd name="connsiteX38" fmla="*/ 820049 w 5553123"/>
              <a:gd name="connsiteY38" fmla="*/ 76739 h 3128654"/>
              <a:gd name="connsiteX39" fmla="*/ 2000502 w 5553123"/>
              <a:gd name="connsiteY39" fmla="*/ 1184065 h 3128654"/>
              <a:gd name="connsiteX40" fmla="*/ 820049 w 5553123"/>
              <a:gd name="connsiteY40" fmla="*/ 2291391 h 3128654"/>
              <a:gd name="connsiteX41" fmla="*/ 0 w 5553123"/>
              <a:gd name="connsiteY41" fmla="*/ 2291391 h 3128654"/>
              <a:gd name="connsiteX42" fmla="*/ 5214998 w 5553123"/>
              <a:gd name="connsiteY42" fmla="*/ 0 h 3128654"/>
              <a:gd name="connsiteX43" fmla="*/ 5474410 w 5553123"/>
              <a:gd name="connsiteY43" fmla="*/ 55393 h 3128654"/>
              <a:gd name="connsiteX44" fmla="*/ 5386944 w 5553123"/>
              <a:gd name="connsiteY44" fmla="*/ 367187 h 3128654"/>
              <a:gd name="connsiteX45" fmla="*/ 5241258 w 5553123"/>
              <a:gd name="connsiteY45" fmla="*/ 340932 h 3128654"/>
              <a:gd name="connsiteX46" fmla="*/ 5025544 w 5553123"/>
              <a:gd name="connsiteY46" fmla="*/ 579901 h 3128654"/>
              <a:gd name="connsiteX47" fmla="*/ 5025544 w 5553123"/>
              <a:gd name="connsiteY47" fmla="*/ 837299 h 3128654"/>
              <a:gd name="connsiteX48" fmla="*/ 5553123 w 5553123"/>
              <a:gd name="connsiteY48" fmla="*/ 837402 h 3128654"/>
              <a:gd name="connsiteX49" fmla="*/ 5553123 w 5553123"/>
              <a:gd name="connsiteY49" fmla="*/ 1152113 h 3128654"/>
              <a:gd name="connsiteX50" fmla="*/ 5025544 w 5553123"/>
              <a:gd name="connsiteY50" fmla="*/ 1152113 h 3128654"/>
              <a:gd name="connsiteX51" fmla="*/ 5025544 w 5553123"/>
              <a:gd name="connsiteY51" fmla="*/ 2291528 h 3128654"/>
              <a:gd name="connsiteX52" fmla="*/ 4640802 w 5553123"/>
              <a:gd name="connsiteY52" fmla="*/ 2291528 h 3128654"/>
              <a:gd name="connsiteX53" fmla="*/ 4640802 w 5553123"/>
              <a:gd name="connsiteY53" fmla="*/ 1152113 h 3128654"/>
              <a:gd name="connsiteX54" fmla="*/ 4423612 w 5553123"/>
              <a:gd name="connsiteY54" fmla="*/ 1152113 h 3128654"/>
              <a:gd name="connsiteX55" fmla="*/ 4423612 w 5553123"/>
              <a:gd name="connsiteY55" fmla="*/ 837402 h 3128654"/>
              <a:gd name="connsiteX56" fmla="*/ 4640802 w 5553123"/>
              <a:gd name="connsiteY56" fmla="*/ 837402 h 3128654"/>
              <a:gd name="connsiteX57" fmla="*/ 4640802 w 5553123"/>
              <a:gd name="connsiteY57" fmla="*/ 580004 h 3128654"/>
              <a:gd name="connsiteX58" fmla="*/ 5214998 w 5553123"/>
              <a:gd name="connsiteY58" fmla="*/ 0 h 31286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5553123" h="3128654">
                <a:moveTo>
                  <a:pt x="3991223" y="1407246"/>
                </a:moveTo>
                <a:lnTo>
                  <a:pt x="3430346" y="1968030"/>
                </a:lnTo>
                <a:cubicBezTo>
                  <a:pt x="3483553" y="1989213"/>
                  <a:pt x="3540297" y="2000023"/>
                  <a:pt x="3597555" y="1999879"/>
                </a:cubicBezTo>
                <a:cubicBezTo>
                  <a:pt x="3819070" y="1999879"/>
                  <a:pt x="4017277" y="1836826"/>
                  <a:pt x="4017277" y="1565700"/>
                </a:cubicBezTo>
                <a:lnTo>
                  <a:pt x="4017243" y="1565803"/>
                </a:lnTo>
                <a:cubicBezTo>
                  <a:pt x="4017518" y="1511866"/>
                  <a:pt x="4008729" y="1458269"/>
                  <a:pt x="3991223" y="1407246"/>
                </a:cubicBezTo>
                <a:close/>
                <a:moveTo>
                  <a:pt x="3597692" y="1131487"/>
                </a:moveTo>
                <a:cubicBezTo>
                  <a:pt x="3370204" y="1131487"/>
                  <a:pt x="3172031" y="1294574"/>
                  <a:pt x="3172031" y="1565700"/>
                </a:cubicBezTo>
                <a:lnTo>
                  <a:pt x="3171997" y="1565803"/>
                </a:lnTo>
                <a:cubicBezTo>
                  <a:pt x="3171757" y="1618927"/>
                  <a:pt x="3180304" y="1671724"/>
                  <a:pt x="3197296" y="1722061"/>
                </a:cubicBezTo>
                <a:lnTo>
                  <a:pt x="3757830" y="1161723"/>
                </a:lnTo>
                <a:cubicBezTo>
                  <a:pt x="3706819" y="1141649"/>
                  <a:pt x="3652513" y="1131391"/>
                  <a:pt x="3597692" y="1131487"/>
                </a:cubicBezTo>
                <a:close/>
                <a:moveTo>
                  <a:pt x="2205438" y="837298"/>
                </a:moveTo>
                <a:lnTo>
                  <a:pt x="2590180" y="837298"/>
                </a:lnTo>
                <a:lnTo>
                  <a:pt x="2590180" y="2548651"/>
                </a:lnTo>
                <a:cubicBezTo>
                  <a:pt x="2590180" y="2895520"/>
                  <a:pt x="2359911" y="3128654"/>
                  <a:pt x="2015984" y="3128654"/>
                </a:cubicBezTo>
                <a:cubicBezTo>
                  <a:pt x="1922717" y="3128654"/>
                  <a:pt x="1838202" y="3111014"/>
                  <a:pt x="1756572" y="3073262"/>
                </a:cubicBezTo>
                <a:lnTo>
                  <a:pt x="1844038" y="2761571"/>
                </a:lnTo>
                <a:cubicBezTo>
                  <a:pt x="1896456" y="2779074"/>
                  <a:pt x="1948909" y="2787791"/>
                  <a:pt x="1989724" y="2787791"/>
                </a:cubicBezTo>
                <a:cubicBezTo>
                  <a:pt x="2118006" y="2787791"/>
                  <a:pt x="2205438" y="2691627"/>
                  <a:pt x="2205438" y="2548857"/>
                </a:cubicBezTo>
                <a:close/>
                <a:moveTo>
                  <a:pt x="4139105" y="780499"/>
                </a:moveTo>
                <a:lnTo>
                  <a:pt x="4378642" y="1020017"/>
                </a:lnTo>
                <a:lnTo>
                  <a:pt x="4263474" y="1135365"/>
                </a:lnTo>
                <a:cubicBezTo>
                  <a:pt x="4343457" y="1255038"/>
                  <a:pt x="4390485" y="1401034"/>
                  <a:pt x="4390485" y="1565769"/>
                </a:cubicBezTo>
                <a:cubicBezTo>
                  <a:pt x="4390485" y="2023285"/>
                  <a:pt x="4028880" y="2335080"/>
                  <a:pt x="3597520" y="2335080"/>
                </a:cubicBezTo>
                <a:cubicBezTo>
                  <a:pt x="3442429" y="2335080"/>
                  <a:pt x="3296983" y="2295681"/>
                  <a:pt x="3173748" y="2224604"/>
                </a:cubicBezTo>
                <a:lnTo>
                  <a:pt x="3050169" y="2348155"/>
                </a:lnTo>
                <a:lnTo>
                  <a:pt x="2810563" y="2108707"/>
                </a:lnTo>
                <a:lnTo>
                  <a:pt x="2925320" y="1993976"/>
                </a:lnTo>
                <a:cubicBezTo>
                  <a:pt x="2845543" y="1875058"/>
                  <a:pt x="2798892" y="1729886"/>
                  <a:pt x="2798892" y="1565838"/>
                </a:cubicBezTo>
                <a:cubicBezTo>
                  <a:pt x="2798892" y="1108390"/>
                  <a:pt x="3160291" y="793644"/>
                  <a:pt x="3597486" y="793644"/>
                </a:cubicBezTo>
                <a:cubicBezTo>
                  <a:pt x="3749866" y="793644"/>
                  <a:pt x="3893424" y="833077"/>
                  <a:pt x="4015526" y="904050"/>
                </a:cubicBezTo>
                <a:close/>
                <a:moveTo>
                  <a:pt x="396379" y="435140"/>
                </a:moveTo>
                <a:lnTo>
                  <a:pt x="396379" y="1932956"/>
                </a:lnTo>
                <a:lnTo>
                  <a:pt x="846344" y="1932956"/>
                </a:lnTo>
                <a:cubicBezTo>
                  <a:pt x="1298059" y="1932956"/>
                  <a:pt x="1601274" y="1632830"/>
                  <a:pt x="1601274" y="1184065"/>
                </a:cubicBezTo>
                <a:cubicBezTo>
                  <a:pt x="1601274" y="735300"/>
                  <a:pt x="1298128" y="435140"/>
                  <a:pt x="846344" y="435140"/>
                </a:cubicBezTo>
                <a:close/>
                <a:moveTo>
                  <a:pt x="0" y="76739"/>
                </a:moveTo>
                <a:lnTo>
                  <a:pt x="820049" y="76739"/>
                </a:lnTo>
                <a:cubicBezTo>
                  <a:pt x="1528328" y="76739"/>
                  <a:pt x="2000502" y="519670"/>
                  <a:pt x="2000502" y="1184065"/>
                </a:cubicBezTo>
                <a:cubicBezTo>
                  <a:pt x="2000502" y="1848460"/>
                  <a:pt x="1528328" y="2291391"/>
                  <a:pt x="820049" y="2291391"/>
                </a:cubicBezTo>
                <a:lnTo>
                  <a:pt x="0" y="2291391"/>
                </a:lnTo>
                <a:close/>
                <a:moveTo>
                  <a:pt x="5214998" y="0"/>
                </a:moveTo>
                <a:cubicBezTo>
                  <a:pt x="5308265" y="0"/>
                  <a:pt x="5392780" y="17641"/>
                  <a:pt x="5474410" y="55393"/>
                </a:cubicBezTo>
                <a:lnTo>
                  <a:pt x="5386944" y="367187"/>
                </a:lnTo>
                <a:cubicBezTo>
                  <a:pt x="5334526" y="349684"/>
                  <a:pt x="5282074" y="340932"/>
                  <a:pt x="5241258" y="340932"/>
                </a:cubicBezTo>
                <a:cubicBezTo>
                  <a:pt x="5112976" y="340932"/>
                  <a:pt x="5025544" y="437131"/>
                  <a:pt x="5025544" y="579901"/>
                </a:cubicBezTo>
                <a:lnTo>
                  <a:pt x="5025544" y="837299"/>
                </a:lnTo>
                <a:lnTo>
                  <a:pt x="5553123" y="837402"/>
                </a:lnTo>
                <a:lnTo>
                  <a:pt x="5553123" y="1152113"/>
                </a:lnTo>
                <a:lnTo>
                  <a:pt x="5025544" y="1152113"/>
                </a:lnTo>
                <a:lnTo>
                  <a:pt x="5025544" y="2291528"/>
                </a:lnTo>
                <a:lnTo>
                  <a:pt x="4640802" y="2291528"/>
                </a:lnTo>
                <a:lnTo>
                  <a:pt x="4640802" y="1152113"/>
                </a:lnTo>
                <a:lnTo>
                  <a:pt x="4423612" y="1152113"/>
                </a:lnTo>
                <a:lnTo>
                  <a:pt x="4423612" y="837402"/>
                </a:lnTo>
                <a:lnTo>
                  <a:pt x="4640802" y="837402"/>
                </a:lnTo>
                <a:lnTo>
                  <a:pt x="4640802" y="580004"/>
                </a:lnTo>
                <a:cubicBezTo>
                  <a:pt x="4640802" y="233134"/>
                  <a:pt x="4871070" y="0"/>
                  <a:pt x="5214998" y="0"/>
                </a:cubicBezTo>
                <a:close/>
              </a:path>
            </a:pathLst>
          </a:custGeom>
          <a:solidFill>
            <a:srgbClr val="FFFFFF"/>
          </a:solidFill>
          <a:ln w="3432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sp>
        <p:nvSpPr>
          <p:cNvPr id="6" name="5.element top">
            <a:extLst>
              <a:ext uri="{FF2B5EF4-FFF2-40B4-BE49-F238E27FC236}">
                <a16:creationId xmlns:a16="http://schemas.microsoft.com/office/drawing/2014/main" id="{485A14E3-6DA6-404B-9219-23C3D9CFD2B7}"/>
              </a:ext>
            </a:extLst>
          </p:cNvPr>
          <p:cNvSpPr/>
          <p:nvPr userDrawn="1"/>
        </p:nvSpPr>
        <p:spPr>
          <a:xfrm>
            <a:off x="4929188" y="0"/>
            <a:ext cx="1928812" cy="6096000"/>
          </a:xfrm>
          <a:prstGeom prst="rtTriangle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20250" rIns="40500" bIns="2025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900" dirty="0">
              <a:solidFill>
                <a:schemeClr val="accent2"/>
              </a:solidFill>
            </a:endParaRPr>
          </a:p>
        </p:txBody>
      </p:sp>
      <p:sp>
        <p:nvSpPr>
          <p:cNvPr id="7" name="5.element bund">
            <a:extLst>
              <a:ext uri="{FF2B5EF4-FFF2-40B4-BE49-F238E27FC236}">
                <a16:creationId xmlns:a16="http://schemas.microsoft.com/office/drawing/2014/main" id="{D0D73E11-E881-8F59-9595-6749EC24E506}"/>
              </a:ext>
            </a:extLst>
          </p:cNvPr>
          <p:cNvSpPr/>
          <p:nvPr userDrawn="1"/>
        </p:nvSpPr>
        <p:spPr>
          <a:xfrm>
            <a:off x="4929188" y="6096000"/>
            <a:ext cx="1928812" cy="6096000"/>
          </a:xfrm>
          <a:prstGeom prst="ellipse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20250" rIns="40500" bIns="2025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900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 bwMode="white">
          <a:xfrm>
            <a:off x="303750" y="637822"/>
            <a:ext cx="4099479" cy="320000"/>
          </a:xfrm>
        </p:spPr>
        <p:txBody>
          <a:bodyPr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506">
                <a:solidFill>
                  <a:schemeClr val="bg1"/>
                </a:solidFill>
              </a:defRPr>
            </a:lvl1pPr>
            <a:lvl2pPr marL="0" indent="0" algn="l">
              <a:buFont typeface="Arial" panose="020B0604020202020204" pitchFamily="34" charset="0"/>
              <a:buChar char="​"/>
              <a:defRPr sz="1125"/>
            </a:lvl2pPr>
            <a:lvl3pPr marL="0" indent="0" algn="l">
              <a:buFont typeface="Arial" panose="020B0604020202020204" pitchFamily="34" charset="0"/>
              <a:buChar char="​"/>
              <a:defRPr sz="1125"/>
            </a:lvl3pPr>
            <a:lvl4pPr marL="0" indent="0" algn="l">
              <a:buFont typeface="Arial" panose="020B0604020202020204" pitchFamily="34" charset="0"/>
              <a:buChar char="​"/>
              <a:defRPr sz="1125"/>
            </a:lvl4pPr>
            <a:lvl5pPr marL="0" indent="0" algn="l">
              <a:buFont typeface="Arial" panose="020B0604020202020204" pitchFamily="34" charset="0"/>
              <a:buChar char="​"/>
              <a:defRPr sz="1125"/>
            </a:lvl5pPr>
            <a:lvl6pPr marL="0" indent="0" algn="l">
              <a:buFont typeface="Arial" panose="020B0604020202020204" pitchFamily="34" charset="0"/>
              <a:buChar char="​"/>
              <a:defRPr sz="1125"/>
            </a:lvl6pPr>
            <a:lvl7pPr marL="0" indent="0" algn="l">
              <a:buFont typeface="Arial" panose="020B0604020202020204" pitchFamily="34" charset="0"/>
              <a:buChar char="​"/>
              <a:defRPr sz="1125"/>
            </a:lvl7pPr>
            <a:lvl8pPr marL="0" indent="0" algn="l">
              <a:buFont typeface="Arial" panose="020B0604020202020204" pitchFamily="34" charset="0"/>
              <a:buChar char="​"/>
              <a:defRPr sz="1125"/>
            </a:lvl8pPr>
            <a:lvl9pPr marL="0" indent="0" algn="l">
              <a:buFont typeface="Arial" panose="020B0604020202020204" pitchFamily="34" charset="0"/>
              <a:buChar char="​"/>
              <a:defRPr sz="1125"/>
            </a:lvl9pPr>
          </a:lstStyle>
          <a:p>
            <a:r>
              <a:rPr lang="da-DK"/>
              <a:t>Klik for at redigere undertiteltypografien i masteren</a:t>
            </a:r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 bwMode="white">
          <a:xfrm>
            <a:off x="303609" y="3812821"/>
            <a:ext cx="4099621" cy="4441600"/>
          </a:xfrm>
        </p:spPr>
        <p:txBody>
          <a:bodyPr anchor="ctr"/>
          <a:lstStyle>
            <a:lvl1pPr algn="l">
              <a:defRPr sz="3038"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8" name="Date Placeholder 4">
            <a:extLst>
              <a:ext uri="{FF2B5EF4-FFF2-40B4-BE49-F238E27FC236}">
                <a16:creationId xmlns:a16="http://schemas.microsoft.com/office/drawing/2014/main" id="{BB3AED36-A0D8-178F-F336-D40476B34755}"/>
              </a:ext>
            </a:extLst>
          </p:cNvPr>
          <p:cNvSpPr>
            <a:spLocks noGrp="1"/>
          </p:cNvSpPr>
          <p:nvPr>
            <p:ph type="dt" sz="half" idx="10"/>
          </p:nvPr>
        </p:nvSpPr>
        <p:spPr bwMode="white">
          <a:xfrm>
            <a:off x="306388" y="11231563"/>
            <a:ext cx="871537" cy="319087"/>
          </a:xfrm>
        </p:spPr>
        <p:txBody>
          <a:bodyPr anchor="b"/>
          <a:lstStyle>
            <a:lvl1pPr>
              <a:defRPr smtClean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F8EB60F3-320B-4966-8387-1CEB6452D22C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9" name="Footer Placeholder 5">
            <a:extLst>
              <a:ext uri="{FF2B5EF4-FFF2-40B4-BE49-F238E27FC236}">
                <a16:creationId xmlns:a16="http://schemas.microsoft.com/office/drawing/2014/main" id="{1404D923-479B-2E51-3ED2-6EE175C2995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 bwMode="white">
          <a:xfrm>
            <a:off x="1379538" y="11231563"/>
            <a:ext cx="3024187" cy="319087"/>
          </a:xfrm>
        </p:spPr>
        <p:txBody>
          <a:bodyPr anchor="b"/>
          <a:lstStyle>
            <a:lvl1pPr>
              <a:defRPr dirty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10" name="Slide Number Placeholder 14" hidden="1">
            <a:extLst>
              <a:ext uri="{FF2B5EF4-FFF2-40B4-BE49-F238E27FC236}">
                <a16:creationId xmlns:a16="http://schemas.microsoft.com/office/drawing/2014/main" id="{43385FA3-CC53-E395-2642-1B6EDA94E5F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12192000"/>
            <a:ext cx="0" cy="0"/>
          </a:xfrm>
        </p:spPr>
        <p:txBody>
          <a:bodyPr/>
          <a:lstStyle>
            <a:lvl1pPr>
              <a:defRPr smtClean="0">
                <a:noFill/>
              </a:defRPr>
            </a:lvl1pPr>
          </a:lstStyle>
          <a:p>
            <a:pPr>
              <a:defRPr/>
            </a:pPr>
            <a:fld id="{35D75652-527B-4C7B-BFD7-F9790D3B58CB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814898336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 slide med billed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Baggrund">
            <a:extLst>
              <a:ext uri="{FF2B5EF4-FFF2-40B4-BE49-F238E27FC236}">
                <a16:creationId xmlns:a16="http://schemas.microsoft.com/office/drawing/2014/main" id="{387DC8A8-BF07-8FFD-DAE7-1787B1052F8D}"/>
              </a:ext>
            </a:extLst>
          </p:cNvPr>
          <p:cNvSpPr/>
          <p:nvPr userDrawn="1"/>
        </p:nvSpPr>
        <p:spPr bwMode="ltGray">
          <a:xfrm>
            <a:off x="0" y="0"/>
            <a:ext cx="6858000" cy="12192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20250" rIns="40500" bIns="2025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125" dirty="0"/>
          </a:p>
        </p:txBody>
      </p:sp>
      <p:sp>
        <p:nvSpPr>
          <p:cNvPr id="8" name="Picture Placeholder 7"/>
          <p:cNvSpPr>
            <a:spLocks noGrp="1"/>
          </p:cNvSpPr>
          <p:nvPr>
            <p:ph type="pic" sz="quarter" idx="13"/>
          </p:nvPr>
        </p:nvSpPr>
        <p:spPr>
          <a:xfrm>
            <a:off x="3864769" y="0"/>
            <a:ext cx="2993234" cy="12199164"/>
          </a:xfrm>
          <a:prstGeom prst="rect">
            <a:avLst/>
          </a:prstGeom>
          <a:solidFill>
            <a:schemeClr val="bg2"/>
          </a:solidFill>
        </p:spPr>
        <p:txBody>
          <a:bodyPr lIns="360000" tIns="108000" rIns="2052000"/>
          <a:lstStyle>
            <a:lvl1pPr marL="0" indent="0" algn="l">
              <a:buNone/>
              <a:defRPr sz="788"/>
            </a:lvl1pPr>
          </a:lstStyle>
          <a:p>
            <a:pPr lvl="0"/>
            <a:r>
              <a:rPr lang="da-DK" noProof="0"/>
              <a:t>Klik på ikonet for at tilføje et billede</a:t>
            </a:r>
            <a:endParaRPr lang="da-DK" noProof="0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 bwMode="white">
          <a:xfrm>
            <a:off x="303750" y="637822"/>
            <a:ext cx="3226156" cy="640000"/>
          </a:xfrm>
        </p:spPr>
        <p:txBody>
          <a:bodyPr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506">
                <a:solidFill>
                  <a:schemeClr val="bg1"/>
                </a:solidFill>
              </a:defRPr>
            </a:lvl1pPr>
            <a:lvl2pPr marL="0" indent="0" algn="l">
              <a:buFont typeface="Arial" panose="020B0604020202020204" pitchFamily="34" charset="0"/>
              <a:buChar char="​"/>
              <a:defRPr sz="1125"/>
            </a:lvl2pPr>
            <a:lvl3pPr marL="0" indent="0" algn="l">
              <a:buFont typeface="Arial" panose="020B0604020202020204" pitchFamily="34" charset="0"/>
              <a:buChar char="​"/>
              <a:defRPr sz="1125"/>
            </a:lvl3pPr>
            <a:lvl4pPr marL="0" indent="0" algn="l">
              <a:buFont typeface="Arial" panose="020B0604020202020204" pitchFamily="34" charset="0"/>
              <a:buChar char="​"/>
              <a:defRPr sz="1125"/>
            </a:lvl4pPr>
            <a:lvl5pPr marL="0" indent="0" algn="l">
              <a:buFont typeface="Arial" panose="020B0604020202020204" pitchFamily="34" charset="0"/>
              <a:buChar char="​"/>
              <a:defRPr sz="1125"/>
            </a:lvl5pPr>
            <a:lvl6pPr marL="0" indent="0" algn="l">
              <a:buFont typeface="Arial" panose="020B0604020202020204" pitchFamily="34" charset="0"/>
              <a:buChar char="​"/>
              <a:defRPr sz="1125"/>
            </a:lvl6pPr>
            <a:lvl7pPr marL="0" indent="0" algn="l">
              <a:buFont typeface="Arial" panose="020B0604020202020204" pitchFamily="34" charset="0"/>
              <a:buChar char="​"/>
              <a:defRPr sz="1125"/>
            </a:lvl7pPr>
            <a:lvl8pPr marL="0" indent="0" algn="l">
              <a:buFont typeface="Arial" panose="020B0604020202020204" pitchFamily="34" charset="0"/>
              <a:buChar char="​"/>
              <a:defRPr sz="1125"/>
            </a:lvl8pPr>
            <a:lvl9pPr marL="0" indent="0" algn="l">
              <a:buFont typeface="Arial" panose="020B0604020202020204" pitchFamily="34" charset="0"/>
              <a:buChar char="​"/>
              <a:defRPr sz="1125"/>
            </a:lvl9pPr>
          </a:lstStyle>
          <a:p>
            <a:r>
              <a:rPr lang="da-DK"/>
              <a:t>Klik for at redigere undertiteltypografien i masteren</a:t>
            </a:r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 bwMode="white">
          <a:xfrm>
            <a:off x="303609" y="3812821"/>
            <a:ext cx="3226297" cy="4441600"/>
          </a:xfrm>
        </p:spPr>
        <p:txBody>
          <a:bodyPr anchor="ctr"/>
          <a:lstStyle>
            <a:lvl1pPr algn="l">
              <a:defRPr sz="3038"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12" name="Logo on top"/>
          <p:cNvSpPr>
            <a:spLocks noGrp="1"/>
          </p:cNvSpPr>
          <p:nvPr>
            <p:ph type="body" sz="quarter" idx="14"/>
          </p:nvPr>
        </p:nvSpPr>
        <p:spPr bwMode="white">
          <a:xfrm>
            <a:off x="6054750" y="640000"/>
            <a:ext cx="498480" cy="887812"/>
          </a:xfrm>
          <a:custGeom>
            <a:avLst/>
            <a:gdLst>
              <a:gd name="connsiteX0" fmla="*/ 4742089 w 6597829"/>
              <a:gd name="connsiteY0" fmla="*/ 1672366 h 3718082"/>
              <a:gd name="connsiteX1" fmla="*/ 4075695 w 6597829"/>
              <a:gd name="connsiteY1" fmla="*/ 2338800 h 3718082"/>
              <a:gd name="connsiteX2" fmla="*/ 4274361 w 6597829"/>
              <a:gd name="connsiteY2" fmla="*/ 2376649 h 3718082"/>
              <a:gd name="connsiteX3" fmla="*/ 4773045 w 6597829"/>
              <a:gd name="connsiteY3" fmla="*/ 1860672 h 3718082"/>
              <a:gd name="connsiteX4" fmla="*/ 4773004 w 6597829"/>
              <a:gd name="connsiteY4" fmla="*/ 1860795 h 3718082"/>
              <a:gd name="connsiteX5" fmla="*/ 4742089 w 6597829"/>
              <a:gd name="connsiteY5" fmla="*/ 1672366 h 3718082"/>
              <a:gd name="connsiteX6" fmla="*/ 4274524 w 6597829"/>
              <a:gd name="connsiteY6" fmla="*/ 1344655 h 3718082"/>
              <a:gd name="connsiteX7" fmla="*/ 3768784 w 6597829"/>
              <a:gd name="connsiteY7" fmla="*/ 1860672 h 3718082"/>
              <a:gd name="connsiteX8" fmla="*/ 3768743 w 6597829"/>
              <a:gd name="connsiteY8" fmla="*/ 1860795 h 3718082"/>
              <a:gd name="connsiteX9" fmla="*/ 3798802 w 6597829"/>
              <a:gd name="connsiteY9" fmla="*/ 2046491 h 3718082"/>
              <a:gd name="connsiteX10" fmla="*/ 4464789 w 6597829"/>
              <a:gd name="connsiteY10" fmla="*/ 1380587 h 3718082"/>
              <a:gd name="connsiteX11" fmla="*/ 4274524 w 6597829"/>
              <a:gd name="connsiteY11" fmla="*/ 1344655 h 3718082"/>
              <a:gd name="connsiteX12" fmla="*/ 2620346 w 6597829"/>
              <a:gd name="connsiteY12" fmla="*/ 995042 h 3718082"/>
              <a:gd name="connsiteX13" fmla="*/ 3077470 w 6597829"/>
              <a:gd name="connsiteY13" fmla="*/ 995042 h 3718082"/>
              <a:gd name="connsiteX14" fmla="*/ 3077470 w 6597829"/>
              <a:gd name="connsiteY14" fmla="*/ 3028808 h 3718082"/>
              <a:gd name="connsiteX15" fmla="*/ 2395251 w 6597829"/>
              <a:gd name="connsiteY15" fmla="*/ 3718082 h 3718082"/>
              <a:gd name="connsiteX16" fmla="*/ 2087035 w 6597829"/>
              <a:gd name="connsiteY16" fmla="*/ 3652254 h 3718082"/>
              <a:gd name="connsiteX17" fmla="*/ 2190956 w 6597829"/>
              <a:gd name="connsiteY17" fmla="*/ 3281841 h 3718082"/>
              <a:gd name="connsiteX18" fmla="*/ 2364050 w 6597829"/>
              <a:gd name="connsiteY18" fmla="*/ 3313001 h 3718082"/>
              <a:gd name="connsiteX19" fmla="*/ 2620346 w 6597829"/>
              <a:gd name="connsiteY19" fmla="*/ 3029053 h 3718082"/>
              <a:gd name="connsiteX20" fmla="*/ 4917793 w 6597829"/>
              <a:gd name="connsiteY20" fmla="*/ 927542 h 3718082"/>
              <a:gd name="connsiteX21" fmla="*/ 5202394 w 6597829"/>
              <a:gd name="connsiteY21" fmla="*/ 1212184 h 3718082"/>
              <a:gd name="connsiteX22" fmla="*/ 5065559 w 6597829"/>
              <a:gd name="connsiteY22" fmla="*/ 1349264 h 3718082"/>
              <a:gd name="connsiteX23" fmla="*/ 5216465 w 6597829"/>
              <a:gd name="connsiteY23" fmla="*/ 1860754 h 3718082"/>
              <a:gd name="connsiteX24" fmla="*/ 4274320 w 6597829"/>
              <a:gd name="connsiteY24" fmla="*/ 2775000 h 3718082"/>
              <a:gd name="connsiteX25" fmla="*/ 3770823 w 6597829"/>
              <a:gd name="connsiteY25" fmla="*/ 2643712 h 3718082"/>
              <a:gd name="connsiteX26" fmla="*/ 3623995 w 6597829"/>
              <a:gd name="connsiteY26" fmla="*/ 2790539 h 3718082"/>
              <a:gd name="connsiteX27" fmla="*/ 3339313 w 6597829"/>
              <a:gd name="connsiteY27" fmla="*/ 2505979 h 3718082"/>
              <a:gd name="connsiteX28" fmla="*/ 3475659 w 6597829"/>
              <a:gd name="connsiteY28" fmla="*/ 2369634 h 3718082"/>
              <a:gd name="connsiteX29" fmla="*/ 3325446 w 6597829"/>
              <a:gd name="connsiteY29" fmla="*/ 1860836 h 3718082"/>
              <a:gd name="connsiteX30" fmla="*/ 4274279 w 6597829"/>
              <a:gd name="connsiteY30" fmla="*/ 943163 h 3718082"/>
              <a:gd name="connsiteX31" fmla="*/ 4770965 w 6597829"/>
              <a:gd name="connsiteY31" fmla="*/ 1074370 h 3718082"/>
              <a:gd name="connsiteX32" fmla="*/ 470950 w 6597829"/>
              <a:gd name="connsiteY32" fmla="*/ 517119 h 3718082"/>
              <a:gd name="connsiteX33" fmla="*/ 470950 w 6597829"/>
              <a:gd name="connsiteY33" fmla="*/ 2297117 h 3718082"/>
              <a:gd name="connsiteX34" fmla="*/ 1005566 w 6597829"/>
              <a:gd name="connsiteY34" fmla="*/ 2297117 h 3718082"/>
              <a:gd name="connsiteX35" fmla="*/ 1902521 w 6597829"/>
              <a:gd name="connsiteY35" fmla="*/ 1407138 h 3718082"/>
              <a:gd name="connsiteX36" fmla="*/ 1005566 w 6597829"/>
              <a:gd name="connsiteY36" fmla="*/ 517119 h 3718082"/>
              <a:gd name="connsiteX37" fmla="*/ 0 w 6597829"/>
              <a:gd name="connsiteY37" fmla="*/ 91196 h 3718082"/>
              <a:gd name="connsiteX38" fmla="*/ 974324 w 6597829"/>
              <a:gd name="connsiteY38" fmla="*/ 91196 h 3718082"/>
              <a:gd name="connsiteX39" fmla="*/ 2376856 w 6597829"/>
              <a:gd name="connsiteY39" fmla="*/ 1407138 h 3718082"/>
              <a:gd name="connsiteX40" fmla="*/ 974324 w 6597829"/>
              <a:gd name="connsiteY40" fmla="*/ 2723080 h 3718082"/>
              <a:gd name="connsiteX41" fmla="*/ 0 w 6597829"/>
              <a:gd name="connsiteY41" fmla="*/ 2723080 h 3718082"/>
              <a:gd name="connsiteX42" fmla="*/ 6196092 w 6597829"/>
              <a:gd name="connsiteY42" fmla="*/ 0 h 3718082"/>
              <a:gd name="connsiteX43" fmla="*/ 6504307 w 6597829"/>
              <a:gd name="connsiteY43" fmla="*/ 65828 h 3718082"/>
              <a:gd name="connsiteX44" fmla="*/ 6400386 w 6597829"/>
              <a:gd name="connsiteY44" fmla="*/ 436364 h 3718082"/>
              <a:gd name="connsiteX45" fmla="*/ 6227293 w 6597829"/>
              <a:gd name="connsiteY45" fmla="*/ 405163 h 3718082"/>
              <a:gd name="connsiteX46" fmla="*/ 5970996 w 6597829"/>
              <a:gd name="connsiteY46" fmla="*/ 689152 h 3718082"/>
              <a:gd name="connsiteX47" fmla="*/ 5970996 w 6597829"/>
              <a:gd name="connsiteY47" fmla="*/ 995043 h 3718082"/>
              <a:gd name="connsiteX48" fmla="*/ 6597829 w 6597829"/>
              <a:gd name="connsiteY48" fmla="*/ 995165 h 3718082"/>
              <a:gd name="connsiteX49" fmla="*/ 6597829 w 6597829"/>
              <a:gd name="connsiteY49" fmla="*/ 1369167 h 3718082"/>
              <a:gd name="connsiteX50" fmla="*/ 5970996 w 6597829"/>
              <a:gd name="connsiteY50" fmla="*/ 1369167 h 3718082"/>
              <a:gd name="connsiteX51" fmla="*/ 5970996 w 6597829"/>
              <a:gd name="connsiteY51" fmla="*/ 2723243 h 3718082"/>
              <a:gd name="connsiteX52" fmla="*/ 5513872 w 6597829"/>
              <a:gd name="connsiteY52" fmla="*/ 2723243 h 3718082"/>
              <a:gd name="connsiteX53" fmla="*/ 5513872 w 6597829"/>
              <a:gd name="connsiteY53" fmla="*/ 1369167 h 3718082"/>
              <a:gd name="connsiteX54" fmla="*/ 5255823 w 6597829"/>
              <a:gd name="connsiteY54" fmla="*/ 1369167 h 3718082"/>
              <a:gd name="connsiteX55" fmla="*/ 5255823 w 6597829"/>
              <a:gd name="connsiteY55" fmla="*/ 995165 h 3718082"/>
              <a:gd name="connsiteX56" fmla="*/ 5513872 w 6597829"/>
              <a:gd name="connsiteY56" fmla="*/ 995165 h 3718082"/>
              <a:gd name="connsiteX57" fmla="*/ 5513872 w 6597829"/>
              <a:gd name="connsiteY57" fmla="*/ 689274 h 3718082"/>
              <a:gd name="connsiteX58" fmla="*/ 6196092 w 6597829"/>
              <a:gd name="connsiteY58" fmla="*/ 0 h 371808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6597829" h="3718082">
                <a:moveTo>
                  <a:pt x="4742089" y="1672366"/>
                </a:moveTo>
                <a:lnTo>
                  <a:pt x="4075695" y="2338800"/>
                </a:lnTo>
                <a:cubicBezTo>
                  <a:pt x="4138912" y="2363973"/>
                  <a:pt x="4206331" y="2376820"/>
                  <a:pt x="4274361" y="2376649"/>
                </a:cubicBezTo>
                <a:cubicBezTo>
                  <a:pt x="4537550" y="2376649"/>
                  <a:pt x="4773045" y="2182877"/>
                  <a:pt x="4773045" y="1860672"/>
                </a:cubicBezTo>
                <a:lnTo>
                  <a:pt x="4773004" y="1860795"/>
                </a:lnTo>
                <a:cubicBezTo>
                  <a:pt x="4773331" y="1796696"/>
                  <a:pt x="4762890" y="1733002"/>
                  <a:pt x="4742089" y="1672366"/>
                </a:cubicBezTo>
                <a:close/>
                <a:moveTo>
                  <a:pt x="4274524" y="1344655"/>
                </a:moveTo>
                <a:cubicBezTo>
                  <a:pt x="4004239" y="1344655"/>
                  <a:pt x="3768784" y="1538467"/>
                  <a:pt x="3768784" y="1860672"/>
                </a:cubicBezTo>
                <a:lnTo>
                  <a:pt x="3768743" y="1860795"/>
                </a:lnTo>
                <a:cubicBezTo>
                  <a:pt x="3768458" y="1923926"/>
                  <a:pt x="3778613" y="1986671"/>
                  <a:pt x="3798802" y="2046491"/>
                </a:cubicBezTo>
                <a:lnTo>
                  <a:pt x="4464789" y="1380587"/>
                </a:lnTo>
                <a:cubicBezTo>
                  <a:pt x="4404181" y="1356732"/>
                  <a:pt x="4339658" y="1344541"/>
                  <a:pt x="4274524" y="1344655"/>
                </a:cubicBezTo>
                <a:close/>
                <a:moveTo>
                  <a:pt x="2620346" y="995042"/>
                </a:moveTo>
                <a:lnTo>
                  <a:pt x="3077470" y="995042"/>
                </a:lnTo>
                <a:lnTo>
                  <a:pt x="3077470" y="3028808"/>
                </a:lnTo>
                <a:cubicBezTo>
                  <a:pt x="3077470" y="3441026"/>
                  <a:pt x="2803880" y="3718082"/>
                  <a:pt x="2395251" y="3718082"/>
                </a:cubicBezTo>
                <a:cubicBezTo>
                  <a:pt x="2284436" y="3718082"/>
                  <a:pt x="2184023" y="3697118"/>
                  <a:pt x="2087035" y="3652254"/>
                </a:cubicBezTo>
                <a:lnTo>
                  <a:pt x="2190956" y="3281841"/>
                </a:lnTo>
                <a:cubicBezTo>
                  <a:pt x="2253235" y="3302641"/>
                  <a:pt x="2315556" y="3313001"/>
                  <a:pt x="2364050" y="3313001"/>
                </a:cubicBezTo>
                <a:cubicBezTo>
                  <a:pt x="2516465" y="3313001"/>
                  <a:pt x="2620346" y="3198720"/>
                  <a:pt x="2620346" y="3029053"/>
                </a:cubicBezTo>
                <a:close/>
                <a:moveTo>
                  <a:pt x="4917793" y="927542"/>
                </a:moveTo>
                <a:lnTo>
                  <a:pt x="5202394" y="1212184"/>
                </a:lnTo>
                <a:lnTo>
                  <a:pt x="5065559" y="1349264"/>
                </a:lnTo>
                <a:cubicBezTo>
                  <a:pt x="5160589" y="1491483"/>
                  <a:pt x="5216465" y="1664984"/>
                  <a:pt x="5216465" y="1860754"/>
                </a:cubicBezTo>
                <a:cubicBezTo>
                  <a:pt x="5216465" y="2404464"/>
                  <a:pt x="4786831" y="2775000"/>
                  <a:pt x="4274320" y="2775000"/>
                </a:cubicBezTo>
                <a:cubicBezTo>
                  <a:pt x="4090051" y="2775000"/>
                  <a:pt x="3917243" y="2728178"/>
                  <a:pt x="3770823" y="2643712"/>
                </a:cubicBezTo>
                <a:lnTo>
                  <a:pt x="3623995" y="2790539"/>
                </a:lnTo>
                <a:lnTo>
                  <a:pt x="3339313" y="2505979"/>
                </a:lnTo>
                <a:lnTo>
                  <a:pt x="3475659" y="2369634"/>
                </a:lnTo>
                <a:cubicBezTo>
                  <a:pt x="3380873" y="2228312"/>
                  <a:pt x="3325446" y="2055790"/>
                  <a:pt x="3325446" y="1860836"/>
                </a:cubicBezTo>
                <a:cubicBezTo>
                  <a:pt x="3325446" y="1317206"/>
                  <a:pt x="3754835" y="943163"/>
                  <a:pt x="4274279" y="943163"/>
                </a:cubicBezTo>
                <a:cubicBezTo>
                  <a:pt x="4455326" y="943163"/>
                  <a:pt x="4625891" y="990026"/>
                  <a:pt x="4770965" y="1074370"/>
                </a:cubicBezTo>
                <a:close/>
                <a:moveTo>
                  <a:pt x="470950" y="517119"/>
                </a:moveTo>
                <a:lnTo>
                  <a:pt x="470950" y="2297117"/>
                </a:lnTo>
                <a:lnTo>
                  <a:pt x="1005566" y="2297117"/>
                </a:lnTo>
                <a:cubicBezTo>
                  <a:pt x="1542262" y="2297117"/>
                  <a:pt x="1902521" y="1940449"/>
                  <a:pt x="1902521" y="1407138"/>
                </a:cubicBezTo>
                <a:cubicBezTo>
                  <a:pt x="1902521" y="873828"/>
                  <a:pt x="1542344" y="517119"/>
                  <a:pt x="1005566" y="517119"/>
                </a:cubicBezTo>
                <a:close/>
                <a:moveTo>
                  <a:pt x="0" y="91196"/>
                </a:moveTo>
                <a:lnTo>
                  <a:pt x="974324" y="91196"/>
                </a:lnTo>
                <a:cubicBezTo>
                  <a:pt x="1815852" y="91196"/>
                  <a:pt x="2376856" y="617573"/>
                  <a:pt x="2376856" y="1407138"/>
                </a:cubicBezTo>
                <a:cubicBezTo>
                  <a:pt x="2376856" y="2196704"/>
                  <a:pt x="1815852" y="2723080"/>
                  <a:pt x="974324" y="2723080"/>
                </a:cubicBezTo>
                <a:lnTo>
                  <a:pt x="0" y="2723080"/>
                </a:lnTo>
                <a:close/>
                <a:moveTo>
                  <a:pt x="6196092" y="0"/>
                </a:moveTo>
                <a:cubicBezTo>
                  <a:pt x="6306906" y="0"/>
                  <a:pt x="6407320" y="20964"/>
                  <a:pt x="6504307" y="65828"/>
                </a:cubicBezTo>
                <a:lnTo>
                  <a:pt x="6400386" y="436364"/>
                </a:lnTo>
                <a:cubicBezTo>
                  <a:pt x="6338106" y="415563"/>
                  <a:pt x="6275787" y="405163"/>
                  <a:pt x="6227293" y="405163"/>
                </a:cubicBezTo>
                <a:cubicBezTo>
                  <a:pt x="6074877" y="405163"/>
                  <a:pt x="5970996" y="519485"/>
                  <a:pt x="5970996" y="689152"/>
                </a:cubicBezTo>
                <a:lnTo>
                  <a:pt x="5970996" y="995043"/>
                </a:lnTo>
                <a:lnTo>
                  <a:pt x="6597829" y="995165"/>
                </a:lnTo>
                <a:lnTo>
                  <a:pt x="6597829" y="1369167"/>
                </a:lnTo>
                <a:lnTo>
                  <a:pt x="5970996" y="1369167"/>
                </a:lnTo>
                <a:lnTo>
                  <a:pt x="5970996" y="2723243"/>
                </a:lnTo>
                <a:lnTo>
                  <a:pt x="5513872" y="2723243"/>
                </a:lnTo>
                <a:lnTo>
                  <a:pt x="5513872" y="1369167"/>
                </a:lnTo>
                <a:lnTo>
                  <a:pt x="5255823" y="1369167"/>
                </a:lnTo>
                <a:lnTo>
                  <a:pt x="5255823" y="995165"/>
                </a:lnTo>
                <a:lnTo>
                  <a:pt x="5513872" y="995165"/>
                </a:lnTo>
                <a:lnTo>
                  <a:pt x="5513872" y="689274"/>
                </a:lnTo>
                <a:cubicBezTo>
                  <a:pt x="5513872" y="277056"/>
                  <a:pt x="5787461" y="0"/>
                  <a:pt x="6196092" y="0"/>
                </a:cubicBezTo>
                <a:close/>
              </a:path>
            </a:pathLst>
          </a:custGeom>
          <a:solidFill>
            <a:srgbClr val="FFFFFF"/>
          </a:solidFill>
        </p:spPr>
        <p:txBody>
          <a:bodyPr wrap="square"/>
          <a:lstStyle>
            <a:lvl1pPr marL="0" indent="0">
              <a:buNone/>
              <a:defRPr sz="100">
                <a:noFill/>
              </a:defRPr>
            </a:lvl1pPr>
            <a:lvl2pPr>
              <a:defRPr sz="100"/>
            </a:lvl2pPr>
            <a:lvl3pPr>
              <a:defRPr sz="100"/>
            </a:lvl3pPr>
            <a:lvl4pPr>
              <a:defRPr sz="100"/>
            </a:lvl4pPr>
            <a:lvl5pPr>
              <a:defRPr sz="100"/>
            </a:lvl5pPr>
          </a:lstStyle>
          <a:p>
            <a:pPr lvl="0"/>
            <a:r>
              <a:rPr lang="da-DK" noProof="0"/>
              <a:t>Klik for at redigere teksttypografierne i masteren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91FA45D-3913-27D2-6CC6-B57809722969}"/>
              </a:ext>
            </a:extLst>
          </p:cNvPr>
          <p:cNvSpPr>
            <a:spLocks noGrp="1"/>
          </p:cNvSpPr>
          <p:nvPr>
            <p:ph type="dt" sz="half" idx="15"/>
          </p:nvPr>
        </p:nvSpPr>
        <p:spPr bwMode="white">
          <a:xfrm>
            <a:off x="303213" y="11231563"/>
            <a:ext cx="873125" cy="319087"/>
          </a:xfrm>
        </p:spPr>
        <p:txBody>
          <a:bodyPr anchor="b"/>
          <a:lstStyle>
            <a:lvl1pPr>
              <a:defRPr smtClean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232C9FCE-B4C8-4BBF-9D80-227DEC9B6158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ACB8392-A484-0376-CEFA-85A8192A07F2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 bwMode="white">
          <a:xfrm>
            <a:off x="1379538" y="11231563"/>
            <a:ext cx="2151062" cy="319087"/>
          </a:xfrm>
        </p:spPr>
        <p:txBody>
          <a:bodyPr anchor="b"/>
          <a:lstStyle>
            <a:lvl1pPr>
              <a:defRPr dirty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7" name="Slide Number Placeholder 14" hidden="1">
            <a:extLst>
              <a:ext uri="{FF2B5EF4-FFF2-40B4-BE49-F238E27FC236}">
                <a16:creationId xmlns:a16="http://schemas.microsoft.com/office/drawing/2014/main" id="{2AF3CACA-E01E-5275-5689-2AAB13FDE4D1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12192000"/>
            <a:ext cx="0" cy="0"/>
          </a:xfrm>
        </p:spPr>
        <p:txBody>
          <a:bodyPr/>
          <a:lstStyle>
            <a:lvl1pPr>
              <a:defRPr smtClean="0">
                <a:noFill/>
              </a:defRPr>
            </a:lvl1pPr>
          </a:lstStyle>
          <a:p>
            <a:pPr>
              <a:defRPr/>
            </a:pPr>
            <a:fld id="{C8343240-86AD-4057-A4B4-CF61630EF5F5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066548442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 slide med billed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Baggrund">
            <a:extLst>
              <a:ext uri="{FF2B5EF4-FFF2-40B4-BE49-F238E27FC236}">
                <a16:creationId xmlns:a16="http://schemas.microsoft.com/office/drawing/2014/main" id="{BD2B021C-48A0-D7BE-0061-229E471D5A3A}"/>
              </a:ext>
            </a:extLst>
          </p:cNvPr>
          <p:cNvSpPr/>
          <p:nvPr userDrawn="1"/>
        </p:nvSpPr>
        <p:spPr bwMode="white">
          <a:xfrm>
            <a:off x="0" y="0"/>
            <a:ext cx="6858000" cy="12192000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20250" rIns="40500" bIns="2025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125" dirty="0"/>
          </a:p>
        </p:txBody>
      </p:sp>
      <p:sp>
        <p:nvSpPr>
          <p:cNvPr id="8" name="Picture Placeholder 7"/>
          <p:cNvSpPr>
            <a:spLocks noGrp="1"/>
          </p:cNvSpPr>
          <p:nvPr>
            <p:ph type="pic" sz="quarter" idx="13"/>
          </p:nvPr>
        </p:nvSpPr>
        <p:spPr>
          <a:xfrm>
            <a:off x="3864769" y="0"/>
            <a:ext cx="2993234" cy="12199164"/>
          </a:xfrm>
          <a:prstGeom prst="rect">
            <a:avLst/>
          </a:prstGeom>
          <a:solidFill>
            <a:schemeClr val="bg2"/>
          </a:solidFill>
        </p:spPr>
        <p:txBody>
          <a:bodyPr lIns="360000" tIns="108000" rIns="2052000"/>
          <a:lstStyle>
            <a:lvl1pPr marL="0" indent="0" algn="l">
              <a:buNone/>
              <a:defRPr sz="788"/>
            </a:lvl1pPr>
          </a:lstStyle>
          <a:p>
            <a:pPr lvl="0"/>
            <a:r>
              <a:rPr lang="da-DK" noProof="0"/>
              <a:t>Klik på ikonet for at tilføje et billede</a:t>
            </a:r>
            <a:endParaRPr lang="da-DK" noProof="0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303750" y="637822"/>
            <a:ext cx="3226156" cy="640000"/>
          </a:xfrm>
        </p:spPr>
        <p:txBody>
          <a:bodyPr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506">
                <a:solidFill>
                  <a:schemeClr val="accent1"/>
                </a:solidFill>
              </a:defRPr>
            </a:lvl1pPr>
            <a:lvl2pPr marL="0" indent="0" algn="l">
              <a:buFont typeface="Arial" panose="020B0604020202020204" pitchFamily="34" charset="0"/>
              <a:buChar char="​"/>
              <a:defRPr sz="1125"/>
            </a:lvl2pPr>
            <a:lvl3pPr marL="0" indent="0" algn="l">
              <a:buFont typeface="Arial" panose="020B0604020202020204" pitchFamily="34" charset="0"/>
              <a:buChar char="​"/>
              <a:defRPr sz="1125"/>
            </a:lvl3pPr>
            <a:lvl4pPr marL="0" indent="0" algn="l">
              <a:buFont typeface="Arial" panose="020B0604020202020204" pitchFamily="34" charset="0"/>
              <a:buChar char="​"/>
              <a:defRPr sz="1125"/>
            </a:lvl4pPr>
            <a:lvl5pPr marL="0" indent="0" algn="l">
              <a:buFont typeface="Arial" panose="020B0604020202020204" pitchFamily="34" charset="0"/>
              <a:buChar char="​"/>
              <a:defRPr sz="1125"/>
            </a:lvl5pPr>
            <a:lvl6pPr marL="0" indent="0" algn="l">
              <a:buFont typeface="Arial" panose="020B0604020202020204" pitchFamily="34" charset="0"/>
              <a:buChar char="​"/>
              <a:defRPr sz="1125"/>
            </a:lvl6pPr>
            <a:lvl7pPr marL="0" indent="0" algn="l">
              <a:buFont typeface="Arial" panose="020B0604020202020204" pitchFamily="34" charset="0"/>
              <a:buChar char="​"/>
              <a:defRPr sz="1125"/>
            </a:lvl7pPr>
            <a:lvl8pPr marL="0" indent="0" algn="l">
              <a:buFont typeface="Arial" panose="020B0604020202020204" pitchFamily="34" charset="0"/>
              <a:buChar char="​"/>
              <a:defRPr sz="1125"/>
            </a:lvl8pPr>
            <a:lvl9pPr marL="0" indent="0" algn="l">
              <a:buFont typeface="Arial" panose="020B0604020202020204" pitchFamily="34" charset="0"/>
              <a:buChar char="​"/>
              <a:defRPr sz="1125"/>
            </a:lvl9pPr>
          </a:lstStyle>
          <a:p>
            <a:r>
              <a:rPr lang="da-DK"/>
              <a:t>Klik for at redigere undertiteltypografien i masteren</a:t>
            </a:r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03609" y="3812821"/>
            <a:ext cx="3226297" cy="4441600"/>
          </a:xfrm>
        </p:spPr>
        <p:txBody>
          <a:bodyPr anchor="ctr"/>
          <a:lstStyle>
            <a:lvl1pPr algn="l">
              <a:defRPr sz="3038">
                <a:solidFill>
                  <a:schemeClr val="accent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12" name="Logo on top"/>
          <p:cNvSpPr>
            <a:spLocks noGrp="1"/>
          </p:cNvSpPr>
          <p:nvPr>
            <p:ph type="body" sz="quarter" idx="14"/>
          </p:nvPr>
        </p:nvSpPr>
        <p:spPr bwMode="white">
          <a:xfrm>
            <a:off x="6054750" y="640000"/>
            <a:ext cx="498480" cy="887812"/>
          </a:xfrm>
          <a:custGeom>
            <a:avLst/>
            <a:gdLst>
              <a:gd name="connsiteX0" fmla="*/ 4742089 w 6597829"/>
              <a:gd name="connsiteY0" fmla="*/ 1672366 h 3718082"/>
              <a:gd name="connsiteX1" fmla="*/ 4075695 w 6597829"/>
              <a:gd name="connsiteY1" fmla="*/ 2338800 h 3718082"/>
              <a:gd name="connsiteX2" fmla="*/ 4274361 w 6597829"/>
              <a:gd name="connsiteY2" fmla="*/ 2376649 h 3718082"/>
              <a:gd name="connsiteX3" fmla="*/ 4773045 w 6597829"/>
              <a:gd name="connsiteY3" fmla="*/ 1860672 h 3718082"/>
              <a:gd name="connsiteX4" fmla="*/ 4773004 w 6597829"/>
              <a:gd name="connsiteY4" fmla="*/ 1860795 h 3718082"/>
              <a:gd name="connsiteX5" fmla="*/ 4742089 w 6597829"/>
              <a:gd name="connsiteY5" fmla="*/ 1672366 h 3718082"/>
              <a:gd name="connsiteX6" fmla="*/ 4274524 w 6597829"/>
              <a:gd name="connsiteY6" fmla="*/ 1344655 h 3718082"/>
              <a:gd name="connsiteX7" fmla="*/ 3768784 w 6597829"/>
              <a:gd name="connsiteY7" fmla="*/ 1860672 h 3718082"/>
              <a:gd name="connsiteX8" fmla="*/ 3768743 w 6597829"/>
              <a:gd name="connsiteY8" fmla="*/ 1860795 h 3718082"/>
              <a:gd name="connsiteX9" fmla="*/ 3798802 w 6597829"/>
              <a:gd name="connsiteY9" fmla="*/ 2046491 h 3718082"/>
              <a:gd name="connsiteX10" fmla="*/ 4464789 w 6597829"/>
              <a:gd name="connsiteY10" fmla="*/ 1380587 h 3718082"/>
              <a:gd name="connsiteX11" fmla="*/ 4274524 w 6597829"/>
              <a:gd name="connsiteY11" fmla="*/ 1344655 h 3718082"/>
              <a:gd name="connsiteX12" fmla="*/ 2620346 w 6597829"/>
              <a:gd name="connsiteY12" fmla="*/ 995042 h 3718082"/>
              <a:gd name="connsiteX13" fmla="*/ 3077470 w 6597829"/>
              <a:gd name="connsiteY13" fmla="*/ 995042 h 3718082"/>
              <a:gd name="connsiteX14" fmla="*/ 3077470 w 6597829"/>
              <a:gd name="connsiteY14" fmla="*/ 3028808 h 3718082"/>
              <a:gd name="connsiteX15" fmla="*/ 2395251 w 6597829"/>
              <a:gd name="connsiteY15" fmla="*/ 3718082 h 3718082"/>
              <a:gd name="connsiteX16" fmla="*/ 2087035 w 6597829"/>
              <a:gd name="connsiteY16" fmla="*/ 3652254 h 3718082"/>
              <a:gd name="connsiteX17" fmla="*/ 2190956 w 6597829"/>
              <a:gd name="connsiteY17" fmla="*/ 3281841 h 3718082"/>
              <a:gd name="connsiteX18" fmla="*/ 2364050 w 6597829"/>
              <a:gd name="connsiteY18" fmla="*/ 3313001 h 3718082"/>
              <a:gd name="connsiteX19" fmla="*/ 2620346 w 6597829"/>
              <a:gd name="connsiteY19" fmla="*/ 3029053 h 3718082"/>
              <a:gd name="connsiteX20" fmla="*/ 4917793 w 6597829"/>
              <a:gd name="connsiteY20" fmla="*/ 927542 h 3718082"/>
              <a:gd name="connsiteX21" fmla="*/ 5202394 w 6597829"/>
              <a:gd name="connsiteY21" fmla="*/ 1212184 h 3718082"/>
              <a:gd name="connsiteX22" fmla="*/ 5065559 w 6597829"/>
              <a:gd name="connsiteY22" fmla="*/ 1349264 h 3718082"/>
              <a:gd name="connsiteX23" fmla="*/ 5216465 w 6597829"/>
              <a:gd name="connsiteY23" fmla="*/ 1860754 h 3718082"/>
              <a:gd name="connsiteX24" fmla="*/ 4274320 w 6597829"/>
              <a:gd name="connsiteY24" fmla="*/ 2775000 h 3718082"/>
              <a:gd name="connsiteX25" fmla="*/ 3770823 w 6597829"/>
              <a:gd name="connsiteY25" fmla="*/ 2643712 h 3718082"/>
              <a:gd name="connsiteX26" fmla="*/ 3623995 w 6597829"/>
              <a:gd name="connsiteY26" fmla="*/ 2790539 h 3718082"/>
              <a:gd name="connsiteX27" fmla="*/ 3339313 w 6597829"/>
              <a:gd name="connsiteY27" fmla="*/ 2505979 h 3718082"/>
              <a:gd name="connsiteX28" fmla="*/ 3475659 w 6597829"/>
              <a:gd name="connsiteY28" fmla="*/ 2369634 h 3718082"/>
              <a:gd name="connsiteX29" fmla="*/ 3325446 w 6597829"/>
              <a:gd name="connsiteY29" fmla="*/ 1860836 h 3718082"/>
              <a:gd name="connsiteX30" fmla="*/ 4274279 w 6597829"/>
              <a:gd name="connsiteY30" fmla="*/ 943163 h 3718082"/>
              <a:gd name="connsiteX31" fmla="*/ 4770965 w 6597829"/>
              <a:gd name="connsiteY31" fmla="*/ 1074370 h 3718082"/>
              <a:gd name="connsiteX32" fmla="*/ 470950 w 6597829"/>
              <a:gd name="connsiteY32" fmla="*/ 517119 h 3718082"/>
              <a:gd name="connsiteX33" fmla="*/ 470950 w 6597829"/>
              <a:gd name="connsiteY33" fmla="*/ 2297117 h 3718082"/>
              <a:gd name="connsiteX34" fmla="*/ 1005566 w 6597829"/>
              <a:gd name="connsiteY34" fmla="*/ 2297117 h 3718082"/>
              <a:gd name="connsiteX35" fmla="*/ 1902521 w 6597829"/>
              <a:gd name="connsiteY35" fmla="*/ 1407138 h 3718082"/>
              <a:gd name="connsiteX36" fmla="*/ 1005566 w 6597829"/>
              <a:gd name="connsiteY36" fmla="*/ 517119 h 3718082"/>
              <a:gd name="connsiteX37" fmla="*/ 0 w 6597829"/>
              <a:gd name="connsiteY37" fmla="*/ 91196 h 3718082"/>
              <a:gd name="connsiteX38" fmla="*/ 974324 w 6597829"/>
              <a:gd name="connsiteY38" fmla="*/ 91196 h 3718082"/>
              <a:gd name="connsiteX39" fmla="*/ 2376856 w 6597829"/>
              <a:gd name="connsiteY39" fmla="*/ 1407138 h 3718082"/>
              <a:gd name="connsiteX40" fmla="*/ 974324 w 6597829"/>
              <a:gd name="connsiteY40" fmla="*/ 2723080 h 3718082"/>
              <a:gd name="connsiteX41" fmla="*/ 0 w 6597829"/>
              <a:gd name="connsiteY41" fmla="*/ 2723080 h 3718082"/>
              <a:gd name="connsiteX42" fmla="*/ 6196092 w 6597829"/>
              <a:gd name="connsiteY42" fmla="*/ 0 h 3718082"/>
              <a:gd name="connsiteX43" fmla="*/ 6504307 w 6597829"/>
              <a:gd name="connsiteY43" fmla="*/ 65828 h 3718082"/>
              <a:gd name="connsiteX44" fmla="*/ 6400386 w 6597829"/>
              <a:gd name="connsiteY44" fmla="*/ 436364 h 3718082"/>
              <a:gd name="connsiteX45" fmla="*/ 6227293 w 6597829"/>
              <a:gd name="connsiteY45" fmla="*/ 405163 h 3718082"/>
              <a:gd name="connsiteX46" fmla="*/ 5970996 w 6597829"/>
              <a:gd name="connsiteY46" fmla="*/ 689152 h 3718082"/>
              <a:gd name="connsiteX47" fmla="*/ 5970996 w 6597829"/>
              <a:gd name="connsiteY47" fmla="*/ 995043 h 3718082"/>
              <a:gd name="connsiteX48" fmla="*/ 6597829 w 6597829"/>
              <a:gd name="connsiteY48" fmla="*/ 995165 h 3718082"/>
              <a:gd name="connsiteX49" fmla="*/ 6597829 w 6597829"/>
              <a:gd name="connsiteY49" fmla="*/ 1369167 h 3718082"/>
              <a:gd name="connsiteX50" fmla="*/ 5970996 w 6597829"/>
              <a:gd name="connsiteY50" fmla="*/ 1369167 h 3718082"/>
              <a:gd name="connsiteX51" fmla="*/ 5970996 w 6597829"/>
              <a:gd name="connsiteY51" fmla="*/ 2723243 h 3718082"/>
              <a:gd name="connsiteX52" fmla="*/ 5513872 w 6597829"/>
              <a:gd name="connsiteY52" fmla="*/ 2723243 h 3718082"/>
              <a:gd name="connsiteX53" fmla="*/ 5513872 w 6597829"/>
              <a:gd name="connsiteY53" fmla="*/ 1369167 h 3718082"/>
              <a:gd name="connsiteX54" fmla="*/ 5255823 w 6597829"/>
              <a:gd name="connsiteY54" fmla="*/ 1369167 h 3718082"/>
              <a:gd name="connsiteX55" fmla="*/ 5255823 w 6597829"/>
              <a:gd name="connsiteY55" fmla="*/ 995165 h 3718082"/>
              <a:gd name="connsiteX56" fmla="*/ 5513872 w 6597829"/>
              <a:gd name="connsiteY56" fmla="*/ 995165 h 3718082"/>
              <a:gd name="connsiteX57" fmla="*/ 5513872 w 6597829"/>
              <a:gd name="connsiteY57" fmla="*/ 689274 h 3718082"/>
              <a:gd name="connsiteX58" fmla="*/ 6196092 w 6597829"/>
              <a:gd name="connsiteY58" fmla="*/ 0 h 371808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6597829" h="3718082">
                <a:moveTo>
                  <a:pt x="4742089" y="1672366"/>
                </a:moveTo>
                <a:lnTo>
                  <a:pt x="4075695" y="2338800"/>
                </a:lnTo>
                <a:cubicBezTo>
                  <a:pt x="4138912" y="2363973"/>
                  <a:pt x="4206331" y="2376820"/>
                  <a:pt x="4274361" y="2376649"/>
                </a:cubicBezTo>
                <a:cubicBezTo>
                  <a:pt x="4537550" y="2376649"/>
                  <a:pt x="4773045" y="2182877"/>
                  <a:pt x="4773045" y="1860672"/>
                </a:cubicBezTo>
                <a:lnTo>
                  <a:pt x="4773004" y="1860795"/>
                </a:lnTo>
                <a:cubicBezTo>
                  <a:pt x="4773331" y="1796696"/>
                  <a:pt x="4762890" y="1733002"/>
                  <a:pt x="4742089" y="1672366"/>
                </a:cubicBezTo>
                <a:close/>
                <a:moveTo>
                  <a:pt x="4274524" y="1344655"/>
                </a:moveTo>
                <a:cubicBezTo>
                  <a:pt x="4004239" y="1344655"/>
                  <a:pt x="3768784" y="1538467"/>
                  <a:pt x="3768784" y="1860672"/>
                </a:cubicBezTo>
                <a:lnTo>
                  <a:pt x="3768743" y="1860795"/>
                </a:lnTo>
                <a:cubicBezTo>
                  <a:pt x="3768458" y="1923926"/>
                  <a:pt x="3778613" y="1986671"/>
                  <a:pt x="3798802" y="2046491"/>
                </a:cubicBezTo>
                <a:lnTo>
                  <a:pt x="4464789" y="1380587"/>
                </a:lnTo>
                <a:cubicBezTo>
                  <a:pt x="4404181" y="1356732"/>
                  <a:pt x="4339658" y="1344541"/>
                  <a:pt x="4274524" y="1344655"/>
                </a:cubicBezTo>
                <a:close/>
                <a:moveTo>
                  <a:pt x="2620346" y="995042"/>
                </a:moveTo>
                <a:lnTo>
                  <a:pt x="3077470" y="995042"/>
                </a:lnTo>
                <a:lnTo>
                  <a:pt x="3077470" y="3028808"/>
                </a:lnTo>
                <a:cubicBezTo>
                  <a:pt x="3077470" y="3441026"/>
                  <a:pt x="2803880" y="3718082"/>
                  <a:pt x="2395251" y="3718082"/>
                </a:cubicBezTo>
                <a:cubicBezTo>
                  <a:pt x="2284436" y="3718082"/>
                  <a:pt x="2184023" y="3697118"/>
                  <a:pt x="2087035" y="3652254"/>
                </a:cubicBezTo>
                <a:lnTo>
                  <a:pt x="2190956" y="3281841"/>
                </a:lnTo>
                <a:cubicBezTo>
                  <a:pt x="2253235" y="3302641"/>
                  <a:pt x="2315556" y="3313001"/>
                  <a:pt x="2364050" y="3313001"/>
                </a:cubicBezTo>
                <a:cubicBezTo>
                  <a:pt x="2516465" y="3313001"/>
                  <a:pt x="2620346" y="3198720"/>
                  <a:pt x="2620346" y="3029053"/>
                </a:cubicBezTo>
                <a:close/>
                <a:moveTo>
                  <a:pt x="4917793" y="927542"/>
                </a:moveTo>
                <a:lnTo>
                  <a:pt x="5202394" y="1212184"/>
                </a:lnTo>
                <a:lnTo>
                  <a:pt x="5065559" y="1349264"/>
                </a:lnTo>
                <a:cubicBezTo>
                  <a:pt x="5160589" y="1491483"/>
                  <a:pt x="5216465" y="1664984"/>
                  <a:pt x="5216465" y="1860754"/>
                </a:cubicBezTo>
                <a:cubicBezTo>
                  <a:pt x="5216465" y="2404464"/>
                  <a:pt x="4786831" y="2775000"/>
                  <a:pt x="4274320" y="2775000"/>
                </a:cubicBezTo>
                <a:cubicBezTo>
                  <a:pt x="4090051" y="2775000"/>
                  <a:pt x="3917243" y="2728178"/>
                  <a:pt x="3770823" y="2643712"/>
                </a:cubicBezTo>
                <a:lnTo>
                  <a:pt x="3623995" y="2790539"/>
                </a:lnTo>
                <a:lnTo>
                  <a:pt x="3339313" y="2505979"/>
                </a:lnTo>
                <a:lnTo>
                  <a:pt x="3475659" y="2369634"/>
                </a:lnTo>
                <a:cubicBezTo>
                  <a:pt x="3380873" y="2228312"/>
                  <a:pt x="3325446" y="2055790"/>
                  <a:pt x="3325446" y="1860836"/>
                </a:cubicBezTo>
                <a:cubicBezTo>
                  <a:pt x="3325446" y="1317206"/>
                  <a:pt x="3754835" y="943163"/>
                  <a:pt x="4274279" y="943163"/>
                </a:cubicBezTo>
                <a:cubicBezTo>
                  <a:pt x="4455326" y="943163"/>
                  <a:pt x="4625891" y="990026"/>
                  <a:pt x="4770965" y="1074370"/>
                </a:cubicBezTo>
                <a:close/>
                <a:moveTo>
                  <a:pt x="470950" y="517119"/>
                </a:moveTo>
                <a:lnTo>
                  <a:pt x="470950" y="2297117"/>
                </a:lnTo>
                <a:lnTo>
                  <a:pt x="1005566" y="2297117"/>
                </a:lnTo>
                <a:cubicBezTo>
                  <a:pt x="1542262" y="2297117"/>
                  <a:pt x="1902521" y="1940449"/>
                  <a:pt x="1902521" y="1407138"/>
                </a:cubicBezTo>
                <a:cubicBezTo>
                  <a:pt x="1902521" y="873828"/>
                  <a:pt x="1542344" y="517119"/>
                  <a:pt x="1005566" y="517119"/>
                </a:cubicBezTo>
                <a:close/>
                <a:moveTo>
                  <a:pt x="0" y="91196"/>
                </a:moveTo>
                <a:lnTo>
                  <a:pt x="974324" y="91196"/>
                </a:lnTo>
                <a:cubicBezTo>
                  <a:pt x="1815852" y="91196"/>
                  <a:pt x="2376856" y="617573"/>
                  <a:pt x="2376856" y="1407138"/>
                </a:cubicBezTo>
                <a:cubicBezTo>
                  <a:pt x="2376856" y="2196704"/>
                  <a:pt x="1815852" y="2723080"/>
                  <a:pt x="974324" y="2723080"/>
                </a:cubicBezTo>
                <a:lnTo>
                  <a:pt x="0" y="2723080"/>
                </a:lnTo>
                <a:close/>
                <a:moveTo>
                  <a:pt x="6196092" y="0"/>
                </a:moveTo>
                <a:cubicBezTo>
                  <a:pt x="6306906" y="0"/>
                  <a:pt x="6407320" y="20964"/>
                  <a:pt x="6504307" y="65828"/>
                </a:cubicBezTo>
                <a:lnTo>
                  <a:pt x="6400386" y="436364"/>
                </a:lnTo>
                <a:cubicBezTo>
                  <a:pt x="6338106" y="415563"/>
                  <a:pt x="6275787" y="405163"/>
                  <a:pt x="6227293" y="405163"/>
                </a:cubicBezTo>
                <a:cubicBezTo>
                  <a:pt x="6074877" y="405163"/>
                  <a:pt x="5970996" y="519485"/>
                  <a:pt x="5970996" y="689152"/>
                </a:cubicBezTo>
                <a:lnTo>
                  <a:pt x="5970996" y="995043"/>
                </a:lnTo>
                <a:lnTo>
                  <a:pt x="6597829" y="995165"/>
                </a:lnTo>
                <a:lnTo>
                  <a:pt x="6597829" y="1369167"/>
                </a:lnTo>
                <a:lnTo>
                  <a:pt x="5970996" y="1369167"/>
                </a:lnTo>
                <a:lnTo>
                  <a:pt x="5970996" y="2723243"/>
                </a:lnTo>
                <a:lnTo>
                  <a:pt x="5513872" y="2723243"/>
                </a:lnTo>
                <a:lnTo>
                  <a:pt x="5513872" y="1369167"/>
                </a:lnTo>
                <a:lnTo>
                  <a:pt x="5255823" y="1369167"/>
                </a:lnTo>
                <a:lnTo>
                  <a:pt x="5255823" y="995165"/>
                </a:lnTo>
                <a:lnTo>
                  <a:pt x="5513872" y="995165"/>
                </a:lnTo>
                <a:lnTo>
                  <a:pt x="5513872" y="689274"/>
                </a:lnTo>
                <a:cubicBezTo>
                  <a:pt x="5513872" y="277056"/>
                  <a:pt x="5787461" y="0"/>
                  <a:pt x="6196092" y="0"/>
                </a:cubicBezTo>
                <a:close/>
              </a:path>
            </a:pathLst>
          </a:custGeom>
          <a:solidFill>
            <a:srgbClr val="FFFFFF"/>
          </a:solidFill>
        </p:spPr>
        <p:txBody>
          <a:bodyPr wrap="square"/>
          <a:lstStyle>
            <a:lvl1pPr marL="0" indent="0">
              <a:buNone/>
              <a:defRPr sz="100">
                <a:noFill/>
              </a:defRPr>
            </a:lvl1pPr>
            <a:lvl2pPr>
              <a:defRPr sz="100"/>
            </a:lvl2pPr>
            <a:lvl3pPr>
              <a:defRPr sz="100"/>
            </a:lvl3pPr>
            <a:lvl4pPr>
              <a:defRPr sz="100"/>
            </a:lvl4pPr>
            <a:lvl5pPr>
              <a:defRPr sz="100"/>
            </a:lvl5pPr>
          </a:lstStyle>
          <a:p>
            <a:pPr lvl="0"/>
            <a:r>
              <a:rPr lang="da-DK" noProof="0"/>
              <a:t>Klik for at redigere teksttypografierne i masteren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7688ACA-9B30-CB07-8647-1CC9F05631A5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303213" y="11231563"/>
            <a:ext cx="873125" cy="319087"/>
          </a:xfrm>
        </p:spPr>
        <p:txBody>
          <a:bodyPr anchor="b"/>
          <a:lstStyle>
            <a:lvl1pPr>
              <a:defRPr smtClean="0">
                <a:solidFill>
                  <a:schemeClr val="accent1"/>
                </a:solidFill>
              </a:defRPr>
            </a:lvl1pPr>
          </a:lstStyle>
          <a:p>
            <a:pPr>
              <a:defRPr/>
            </a:pPr>
            <a:fld id="{794192DC-95C1-44F4-BFF7-01839F0DA185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61E868B-987E-AE52-2CD4-90D80D8CE1DD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1379538" y="11231563"/>
            <a:ext cx="2151062" cy="319087"/>
          </a:xfrm>
        </p:spPr>
        <p:txBody>
          <a:bodyPr anchor="b"/>
          <a:lstStyle>
            <a:lvl1pPr>
              <a:defRPr dirty="0">
                <a:solidFill>
                  <a:schemeClr val="accent1"/>
                </a:solidFill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7" name="Slide Number Placeholder 14" hidden="1">
            <a:extLst>
              <a:ext uri="{FF2B5EF4-FFF2-40B4-BE49-F238E27FC236}">
                <a16:creationId xmlns:a16="http://schemas.microsoft.com/office/drawing/2014/main" id="{4EF8CDB0-365D-6D8E-FA9F-D96C968BCD61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12192000"/>
            <a:ext cx="0" cy="0"/>
          </a:xfrm>
        </p:spPr>
        <p:txBody>
          <a:bodyPr/>
          <a:lstStyle>
            <a:lvl1pPr>
              <a:defRPr smtClean="0">
                <a:noFill/>
              </a:defRPr>
            </a:lvl1pPr>
          </a:lstStyle>
          <a:p>
            <a:pPr>
              <a:defRPr/>
            </a:pPr>
            <a:fld id="{800BED59-7083-4CA4-A2CF-DDE1F6E33EF5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75263175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genda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ggrund">
            <a:extLst>
              <a:ext uri="{FF2B5EF4-FFF2-40B4-BE49-F238E27FC236}">
                <a16:creationId xmlns:a16="http://schemas.microsoft.com/office/drawing/2014/main" id="{3EF4DEAE-149B-F6CF-BEAE-41817ED81982}"/>
              </a:ext>
            </a:extLst>
          </p:cNvPr>
          <p:cNvSpPr/>
          <p:nvPr/>
        </p:nvSpPr>
        <p:spPr bwMode="ltGray">
          <a:xfrm>
            <a:off x="0" y="0"/>
            <a:ext cx="6858000" cy="12192000"/>
          </a:xfrm>
          <a:custGeom>
            <a:avLst/>
            <a:gdLst>
              <a:gd name="connsiteX0" fmla="*/ 0 w 10572750"/>
              <a:gd name="connsiteY0" fmla="*/ 0 h 10287000"/>
              <a:gd name="connsiteX1" fmla="*/ 10572750 w 10572750"/>
              <a:gd name="connsiteY1" fmla="*/ 0 h 10287000"/>
              <a:gd name="connsiteX2" fmla="*/ 10572750 w 10572750"/>
              <a:gd name="connsiteY2" fmla="*/ 10287000 h 10287000"/>
              <a:gd name="connsiteX3" fmla="*/ 0 w 10572750"/>
              <a:gd name="connsiteY3" fmla="*/ 10287000 h 10287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572750" h="10287000">
                <a:moveTo>
                  <a:pt x="0" y="0"/>
                </a:moveTo>
                <a:lnTo>
                  <a:pt x="10572750" y="0"/>
                </a:lnTo>
                <a:lnTo>
                  <a:pt x="10572750" y="10287000"/>
                </a:lnTo>
                <a:lnTo>
                  <a:pt x="0" y="10287000"/>
                </a:lnTo>
                <a:close/>
              </a:path>
            </a:pathLst>
          </a:custGeom>
          <a:solidFill>
            <a:schemeClr val="accent1"/>
          </a:solidFill>
          <a:ln w="9525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sp>
        <p:nvSpPr>
          <p:cNvPr id="4" name="Freeform: Shape 16">
            <a:extLst>
              <a:ext uri="{FF2B5EF4-FFF2-40B4-BE49-F238E27FC236}">
                <a16:creationId xmlns:a16="http://schemas.microsoft.com/office/drawing/2014/main" id="{EC01EFBA-9FC9-C38B-926F-31DEC01FCEF0}"/>
              </a:ext>
            </a:extLst>
          </p:cNvPr>
          <p:cNvSpPr/>
          <p:nvPr userDrawn="1"/>
        </p:nvSpPr>
        <p:spPr bwMode="white">
          <a:xfrm>
            <a:off x="6197600" y="639763"/>
            <a:ext cx="355600" cy="635000"/>
          </a:xfrm>
          <a:custGeom>
            <a:avLst/>
            <a:gdLst>
              <a:gd name="connsiteX0" fmla="*/ 3991223 w 5553123"/>
              <a:gd name="connsiteY0" fmla="*/ 1407246 h 3128654"/>
              <a:gd name="connsiteX1" fmla="*/ 3430346 w 5553123"/>
              <a:gd name="connsiteY1" fmla="*/ 1968030 h 3128654"/>
              <a:gd name="connsiteX2" fmla="*/ 3597555 w 5553123"/>
              <a:gd name="connsiteY2" fmla="*/ 1999879 h 3128654"/>
              <a:gd name="connsiteX3" fmla="*/ 4017277 w 5553123"/>
              <a:gd name="connsiteY3" fmla="*/ 1565700 h 3128654"/>
              <a:gd name="connsiteX4" fmla="*/ 4017243 w 5553123"/>
              <a:gd name="connsiteY4" fmla="*/ 1565803 h 3128654"/>
              <a:gd name="connsiteX5" fmla="*/ 3991223 w 5553123"/>
              <a:gd name="connsiteY5" fmla="*/ 1407246 h 3128654"/>
              <a:gd name="connsiteX6" fmla="*/ 3597692 w 5553123"/>
              <a:gd name="connsiteY6" fmla="*/ 1131487 h 3128654"/>
              <a:gd name="connsiteX7" fmla="*/ 3172031 w 5553123"/>
              <a:gd name="connsiteY7" fmla="*/ 1565700 h 3128654"/>
              <a:gd name="connsiteX8" fmla="*/ 3171997 w 5553123"/>
              <a:gd name="connsiteY8" fmla="*/ 1565803 h 3128654"/>
              <a:gd name="connsiteX9" fmla="*/ 3197296 w 5553123"/>
              <a:gd name="connsiteY9" fmla="*/ 1722061 h 3128654"/>
              <a:gd name="connsiteX10" fmla="*/ 3757830 w 5553123"/>
              <a:gd name="connsiteY10" fmla="*/ 1161723 h 3128654"/>
              <a:gd name="connsiteX11" fmla="*/ 3597692 w 5553123"/>
              <a:gd name="connsiteY11" fmla="*/ 1131487 h 3128654"/>
              <a:gd name="connsiteX12" fmla="*/ 2205438 w 5553123"/>
              <a:gd name="connsiteY12" fmla="*/ 837298 h 3128654"/>
              <a:gd name="connsiteX13" fmla="*/ 2590180 w 5553123"/>
              <a:gd name="connsiteY13" fmla="*/ 837298 h 3128654"/>
              <a:gd name="connsiteX14" fmla="*/ 2590180 w 5553123"/>
              <a:gd name="connsiteY14" fmla="*/ 2548651 h 3128654"/>
              <a:gd name="connsiteX15" fmla="*/ 2015984 w 5553123"/>
              <a:gd name="connsiteY15" fmla="*/ 3128654 h 3128654"/>
              <a:gd name="connsiteX16" fmla="*/ 1756572 w 5553123"/>
              <a:gd name="connsiteY16" fmla="*/ 3073262 h 3128654"/>
              <a:gd name="connsiteX17" fmla="*/ 1844038 w 5553123"/>
              <a:gd name="connsiteY17" fmla="*/ 2761571 h 3128654"/>
              <a:gd name="connsiteX18" fmla="*/ 1989724 w 5553123"/>
              <a:gd name="connsiteY18" fmla="*/ 2787791 h 3128654"/>
              <a:gd name="connsiteX19" fmla="*/ 2205438 w 5553123"/>
              <a:gd name="connsiteY19" fmla="*/ 2548857 h 3128654"/>
              <a:gd name="connsiteX20" fmla="*/ 4139105 w 5553123"/>
              <a:gd name="connsiteY20" fmla="*/ 780499 h 3128654"/>
              <a:gd name="connsiteX21" fmla="*/ 4378642 w 5553123"/>
              <a:gd name="connsiteY21" fmla="*/ 1020017 h 3128654"/>
              <a:gd name="connsiteX22" fmla="*/ 4263474 w 5553123"/>
              <a:gd name="connsiteY22" fmla="*/ 1135365 h 3128654"/>
              <a:gd name="connsiteX23" fmla="*/ 4390485 w 5553123"/>
              <a:gd name="connsiteY23" fmla="*/ 1565769 h 3128654"/>
              <a:gd name="connsiteX24" fmla="*/ 3597520 w 5553123"/>
              <a:gd name="connsiteY24" fmla="*/ 2335080 h 3128654"/>
              <a:gd name="connsiteX25" fmla="*/ 3173748 w 5553123"/>
              <a:gd name="connsiteY25" fmla="*/ 2224604 h 3128654"/>
              <a:gd name="connsiteX26" fmla="*/ 3050169 w 5553123"/>
              <a:gd name="connsiteY26" fmla="*/ 2348155 h 3128654"/>
              <a:gd name="connsiteX27" fmla="*/ 2810563 w 5553123"/>
              <a:gd name="connsiteY27" fmla="*/ 2108707 h 3128654"/>
              <a:gd name="connsiteX28" fmla="*/ 2925320 w 5553123"/>
              <a:gd name="connsiteY28" fmla="*/ 1993976 h 3128654"/>
              <a:gd name="connsiteX29" fmla="*/ 2798892 w 5553123"/>
              <a:gd name="connsiteY29" fmla="*/ 1565838 h 3128654"/>
              <a:gd name="connsiteX30" fmla="*/ 3597486 w 5553123"/>
              <a:gd name="connsiteY30" fmla="*/ 793644 h 3128654"/>
              <a:gd name="connsiteX31" fmla="*/ 4015526 w 5553123"/>
              <a:gd name="connsiteY31" fmla="*/ 904050 h 3128654"/>
              <a:gd name="connsiteX32" fmla="*/ 396379 w 5553123"/>
              <a:gd name="connsiteY32" fmla="*/ 435140 h 3128654"/>
              <a:gd name="connsiteX33" fmla="*/ 396379 w 5553123"/>
              <a:gd name="connsiteY33" fmla="*/ 1932956 h 3128654"/>
              <a:gd name="connsiteX34" fmla="*/ 846344 w 5553123"/>
              <a:gd name="connsiteY34" fmla="*/ 1932956 h 3128654"/>
              <a:gd name="connsiteX35" fmla="*/ 1601274 w 5553123"/>
              <a:gd name="connsiteY35" fmla="*/ 1184065 h 3128654"/>
              <a:gd name="connsiteX36" fmla="*/ 846344 w 5553123"/>
              <a:gd name="connsiteY36" fmla="*/ 435140 h 3128654"/>
              <a:gd name="connsiteX37" fmla="*/ 0 w 5553123"/>
              <a:gd name="connsiteY37" fmla="*/ 76739 h 3128654"/>
              <a:gd name="connsiteX38" fmla="*/ 820049 w 5553123"/>
              <a:gd name="connsiteY38" fmla="*/ 76739 h 3128654"/>
              <a:gd name="connsiteX39" fmla="*/ 2000502 w 5553123"/>
              <a:gd name="connsiteY39" fmla="*/ 1184065 h 3128654"/>
              <a:gd name="connsiteX40" fmla="*/ 820049 w 5553123"/>
              <a:gd name="connsiteY40" fmla="*/ 2291391 h 3128654"/>
              <a:gd name="connsiteX41" fmla="*/ 0 w 5553123"/>
              <a:gd name="connsiteY41" fmla="*/ 2291391 h 3128654"/>
              <a:gd name="connsiteX42" fmla="*/ 5214998 w 5553123"/>
              <a:gd name="connsiteY42" fmla="*/ 0 h 3128654"/>
              <a:gd name="connsiteX43" fmla="*/ 5474410 w 5553123"/>
              <a:gd name="connsiteY43" fmla="*/ 55393 h 3128654"/>
              <a:gd name="connsiteX44" fmla="*/ 5386944 w 5553123"/>
              <a:gd name="connsiteY44" fmla="*/ 367187 h 3128654"/>
              <a:gd name="connsiteX45" fmla="*/ 5241258 w 5553123"/>
              <a:gd name="connsiteY45" fmla="*/ 340932 h 3128654"/>
              <a:gd name="connsiteX46" fmla="*/ 5025544 w 5553123"/>
              <a:gd name="connsiteY46" fmla="*/ 579901 h 3128654"/>
              <a:gd name="connsiteX47" fmla="*/ 5025544 w 5553123"/>
              <a:gd name="connsiteY47" fmla="*/ 837299 h 3128654"/>
              <a:gd name="connsiteX48" fmla="*/ 5553123 w 5553123"/>
              <a:gd name="connsiteY48" fmla="*/ 837402 h 3128654"/>
              <a:gd name="connsiteX49" fmla="*/ 5553123 w 5553123"/>
              <a:gd name="connsiteY49" fmla="*/ 1152113 h 3128654"/>
              <a:gd name="connsiteX50" fmla="*/ 5025544 w 5553123"/>
              <a:gd name="connsiteY50" fmla="*/ 1152113 h 3128654"/>
              <a:gd name="connsiteX51" fmla="*/ 5025544 w 5553123"/>
              <a:gd name="connsiteY51" fmla="*/ 2291528 h 3128654"/>
              <a:gd name="connsiteX52" fmla="*/ 4640802 w 5553123"/>
              <a:gd name="connsiteY52" fmla="*/ 2291528 h 3128654"/>
              <a:gd name="connsiteX53" fmla="*/ 4640802 w 5553123"/>
              <a:gd name="connsiteY53" fmla="*/ 1152113 h 3128654"/>
              <a:gd name="connsiteX54" fmla="*/ 4423612 w 5553123"/>
              <a:gd name="connsiteY54" fmla="*/ 1152113 h 3128654"/>
              <a:gd name="connsiteX55" fmla="*/ 4423612 w 5553123"/>
              <a:gd name="connsiteY55" fmla="*/ 837402 h 3128654"/>
              <a:gd name="connsiteX56" fmla="*/ 4640802 w 5553123"/>
              <a:gd name="connsiteY56" fmla="*/ 837402 h 3128654"/>
              <a:gd name="connsiteX57" fmla="*/ 4640802 w 5553123"/>
              <a:gd name="connsiteY57" fmla="*/ 580004 h 3128654"/>
              <a:gd name="connsiteX58" fmla="*/ 5214998 w 5553123"/>
              <a:gd name="connsiteY58" fmla="*/ 0 h 31286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5553123" h="3128654">
                <a:moveTo>
                  <a:pt x="3991223" y="1407246"/>
                </a:moveTo>
                <a:lnTo>
                  <a:pt x="3430346" y="1968030"/>
                </a:lnTo>
                <a:cubicBezTo>
                  <a:pt x="3483553" y="1989213"/>
                  <a:pt x="3540297" y="2000023"/>
                  <a:pt x="3597555" y="1999879"/>
                </a:cubicBezTo>
                <a:cubicBezTo>
                  <a:pt x="3819070" y="1999879"/>
                  <a:pt x="4017277" y="1836826"/>
                  <a:pt x="4017277" y="1565700"/>
                </a:cubicBezTo>
                <a:lnTo>
                  <a:pt x="4017243" y="1565803"/>
                </a:lnTo>
                <a:cubicBezTo>
                  <a:pt x="4017518" y="1511866"/>
                  <a:pt x="4008729" y="1458269"/>
                  <a:pt x="3991223" y="1407246"/>
                </a:cubicBezTo>
                <a:close/>
                <a:moveTo>
                  <a:pt x="3597692" y="1131487"/>
                </a:moveTo>
                <a:cubicBezTo>
                  <a:pt x="3370204" y="1131487"/>
                  <a:pt x="3172031" y="1294574"/>
                  <a:pt x="3172031" y="1565700"/>
                </a:cubicBezTo>
                <a:lnTo>
                  <a:pt x="3171997" y="1565803"/>
                </a:lnTo>
                <a:cubicBezTo>
                  <a:pt x="3171757" y="1618927"/>
                  <a:pt x="3180304" y="1671724"/>
                  <a:pt x="3197296" y="1722061"/>
                </a:cubicBezTo>
                <a:lnTo>
                  <a:pt x="3757830" y="1161723"/>
                </a:lnTo>
                <a:cubicBezTo>
                  <a:pt x="3706819" y="1141649"/>
                  <a:pt x="3652513" y="1131391"/>
                  <a:pt x="3597692" y="1131487"/>
                </a:cubicBezTo>
                <a:close/>
                <a:moveTo>
                  <a:pt x="2205438" y="837298"/>
                </a:moveTo>
                <a:lnTo>
                  <a:pt x="2590180" y="837298"/>
                </a:lnTo>
                <a:lnTo>
                  <a:pt x="2590180" y="2548651"/>
                </a:lnTo>
                <a:cubicBezTo>
                  <a:pt x="2590180" y="2895520"/>
                  <a:pt x="2359911" y="3128654"/>
                  <a:pt x="2015984" y="3128654"/>
                </a:cubicBezTo>
                <a:cubicBezTo>
                  <a:pt x="1922717" y="3128654"/>
                  <a:pt x="1838202" y="3111014"/>
                  <a:pt x="1756572" y="3073262"/>
                </a:cubicBezTo>
                <a:lnTo>
                  <a:pt x="1844038" y="2761571"/>
                </a:lnTo>
                <a:cubicBezTo>
                  <a:pt x="1896456" y="2779074"/>
                  <a:pt x="1948909" y="2787791"/>
                  <a:pt x="1989724" y="2787791"/>
                </a:cubicBezTo>
                <a:cubicBezTo>
                  <a:pt x="2118006" y="2787791"/>
                  <a:pt x="2205438" y="2691627"/>
                  <a:pt x="2205438" y="2548857"/>
                </a:cubicBezTo>
                <a:close/>
                <a:moveTo>
                  <a:pt x="4139105" y="780499"/>
                </a:moveTo>
                <a:lnTo>
                  <a:pt x="4378642" y="1020017"/>
                </a:lnTo>
                <a:lnTo>
                  <a:pt x="4263474" y="1135365"/>
                </a:lnTo>
                <a:cubicBezTo>
                  <a:pt x="4343457" y="1255038"/>
                  <a:pt x="4390485" y="1401034"/>
                  <a:pt x="4390485" y="1565769"/>
                </a:cubicBezTo>
                <a:cubicBezTo>
                  <a:pt x="4390485" y="2023285"/>
                  <a:pt x="4028880" y="2335080"/>
                  <a:pt x="3597520" y="2335080"/>
                </a:cubicBezTo>
                <a:cubicBezTo>
                  <a:pt x="3442429" y="2335080"/>
                  <a:pt x="3296983" y="2295681"/>
                  <a:pt x="3173748" y="2224604"/>
                </a:cubicBezTo>
                <a:lnTo>
                  <a:pt x="3050169" y="2348155"/>
                </a:lnTo>
                <a:lnTo>
                  <a:pt x="2810563" y="2108707"/>
                </a:lnTo>
                <a:lnTo>
                  <a:pt x="2925320" y="1993976"/>
                </a:lnTo>
                <a:cubicBezTo>
                  <a:pt x="2845543" y="1875058"/>
                  <a:pt x="2798892" y="1729886"/>
                  <a:pt x="2798892" y="1565838"/>
                </a:cubicBezTo>
                <a:cubicBezTo>
                  <a:pt x="2798892" y="1108390"/>
                  <a:pt x="3160291" y="793644"/>
                  <a:pt x="3597486" y="793644"/>
                </a:cubicBezTo>
                <a:cubicBezTo>
                  <a:pt x="3749866" y="793644"/>
                  <a:pt x="3893424" y="833077"/>
                  <a:pt x="4015526" y="904050"/>
                </a:cubicBezTo>
                <a:close/>
                <a:moveTo>
                  <a:pt x="396379" y="435140"/>
                </a:moveTo>
                <a:lnTo>
                  <a:pt x="396379" y="1932956"/>
                </a:lnTo>
                <a:lnTo>
                  <a:pt x="846344" y="1932956"/>
                </a:lnTo>
                <a:cubicBezTo>
                  <a:pt x="1298059" y="1932956"/>
                  <a:pt x="1601274" y="1632830"/>
                  <a:pt x="1601274" y="1184065"/>
                </a:cubicBezTo>
                <a:cubicBezTo>
                  <a:pt x="1601274" y="735300"/>
                  <a:pt x="1298128" y="435140"/>
                  <a:pt x="846344" y="435140"/>
                </a:cubicBezTo>
                <a:close/>
                <a:moveTo>
                  <a:pt x="0" y="76739"/>
                </a:moveTo>
                <a:lnTo>
                  <a:pt x="820049" y="76739"/>
                </a:lnTo>
                <a:cubicBezTo>
                  <a:pt x="1528328" y="76739"/>
                  <a:pt x="2000502" y="519670"/>
                  <a:pt x="2000502" y="1184065"/>
                </a:cubicBezTo>
                <a:cubicBezTo>
                  <a:pt x="2000502" y="1848460"/>
                  <a:pt x="1528328" y="2291391"/>
                  <a:pt x="820049" y="2291391"/>
                </a:cubicBezTo>
                <a:lnTo>
                  <a:pt x="0" y="2291391"/>
                </a:lnTo>
                <a:close/>
                <a:moveTo>
                  <a:pt x="5214998" y="0"/>
                </a:moveTo>
                <a:cubicBezTo>
                  <a:pt x="5308265" y="0"/>
                  <a:pt x="5392780" y="17641"/>
                  <a:pt x="5474410" y="55393"/>
                </a:cubicBezTo>
                <a:lnTo>
                  <a:pt x="5386944" y="367187"/>
                </a:lnTo>
                <a:cubicBezTo>
                  <a:pt x="5334526" y="349684"/>
                  <a:pt x="5282074" y="340932"/>
                  <a:pt x="5241258" y="340932"/>
                </a:cubicBezTo>
                <a:cubicBezTo>
                  <a:pt x="5112976" y="340932"/>
                  <a:pt x="5025544" y="437131"/>
                  <a:pt x="5025544" y="579901"/>
                </a:cubicBezTo>
                <a:lnTo>
                  <a:pt x="5025544" y="837299"/>
                </a:lnTo>
                <a:lnTo>
                  <a:pt x="5553123" y="837402"/>
                </a:lnTo>
                <a:lnTo>
                  <a:pt x="5553123" y="1152113"/>
                </a:lnTo>
                <a:lnTo>
                  <a:pt x="5025544" y="1152113"/>
                </a:lnTo>
                <a:lnTo>
                  <a:pt x="5025544" y="2291528"/>
                </a:lnTo>
                <a:lnTo>
                  <a:pt x="4640802" y="2291528"/>
                </a:lnTo>
                <a:lnTo>
                  <a:pt x="4640802" y="1152113"/>
                </a:lnTo>
                <a:lnTo>
                  <a:pt x="4423612" y="1152113"/>
                </a:lnTo>
                <a:lnTo>
                  <a:pt x="4423612" y="837402"/>
                </a:lnTo>
                <a:lnTo>
                  <a:pt x="4640802" y="837402"/>
                </a:lnTo>
                <a:lnTo>
                  <a:pt x="4640802" y="580004"/>
                </a:lnTo>
                <a:cubicBezTo>
                  <a:pt x="4640802" y="233134"/>
                  <a:pt x="4871070" y="0"/>
                  <a:pt x="5214998" y="0"/>
                </a:cubicBezTo>
                <a:close/>
              </a:path>
            </a:pathLst>
          </a:custGeom>
          <a:solidFill>
            <a:srgbClr val="FFFFFF"/>
          </a:solidFill>
          <a:ln w="3432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 bwMode="white">
          <a:xfrm>
            <a:off x="303751" y="3812823"/>
            <a:ext cx="1410750" cy="7738532"/>
          </a:xfrm>
        </p:spPr>
        <p:txBody>
          <a:bodyPr/>
          <a:lstStyle>
            <a:lvl1pPr>
              <a:defRPr sz="1350"/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3"/>
          </p:nvPr>
        </p:nvSpPr>
        <p:spPr bwMode="white">
          <a:xfrm>
            <a:off x="1916311" y="3810003"/>
            <a:ext cx="3024485" cy="7738532"/>
          </a:xfrm>
        </p:spPr>
        <p:txBody>
          <a:bodyPr/>
          <a:lstStyle>
            <a:lvl1pPr marL="0" indent="0">
              <a:buFont typeface="Djoef Offc" panose="02000000000000000000" pitchFamily="2" charset="0"/>
              <a:buChar char="​"/>
              <a:defRPr/>
            </a:lvl1pPr>
            <a:lvl2pPr marL="0" indent="0">
              <a:lnSpc>
                <a:spcPct val="100000"/>
              </a:lnSpc>
              <a:spcBef>
                <a:spcPts val="0"/>
              </a:spcBef>
              <a:spcAft>
                <a:spcPts val="338"/>
              </a:spcAft>
              <a:buFont typeface="Djoef Offc" panose="02000000000000000000" pitchFamily="2" charset="0"/>
              <a:buChar char="​"/>
              <a:defRPr sz="900" b="1">
                <a:latin typeface="+mj-lt"/>
              </a:defRPr>
            </a:lvl2pPr>
            <a:lvl3pPr marL="0" indent="0">
              <a:lnSpc>
                <a:spcPct val="100000"/>
              </a:lnSpc>
              <a:spcBef>
                <a:spcPts val="0"/>
              </a:spcBef>
              <a:spcAft>
                <a:spcPts val="338"/>
              </a:spcAft>
              <a:buFont typeface="Djoef Offc" panose="02000000000000000000" pitchFamily="2" charset="0"/>
              <a:buChar char="​"/>
              <a:defRPr sz="900"/>
            </a:lvl3pPr>
            <a:lvl4pPr marL="0" indent="0">
              <a:lnSpc>
                <a:spcPct val="100000"/>
              </a:lnSpc>
              <a:spcBef>
                <a:spcPts val="0"/>
              </a:spcBef>
              <a:spcAft>
                <a:spcPts val="338"/>
              </a:spcAft>
              <a:buFont typeface="Djoef Offc" panose="02000000000000000000" pitchFamily="2" charset="0"/>
              <a:buChar char="​"/>
              <a:defRPr sz="900"/>
            </a:lvl4pPr>
            <a:lvl5pPr marL="0" indent="0">
              <a:lnSpc>
                <a:spcPct val="100000"/>
              </a:lnSpc>
              <a:spcBef>
                <a:spcPts val="0"/>
              </a:spcBef>
              <a:spcAft>
                <a:spcPts val="338"/>
              </a:spcAft>
              <a:buFont typeface="Djoef Offc" panose="02000000000000000000" pitchFamily="2" charset="0"/>
              <a:buChar char="​"/>
              <a:defRPr sz="900"/>
            </a:lvl5pPr>
            <a:lvl6pPr marL="0" indent="0">
              <a:lnSpc>
                <a:spcPct val="100000"/>
              </a:lnSpc>
              <a:spcBef>
                <a:spcPts val="0"/>
              </a:spcBef>
              <a:spcAft>
                <a:spcPts val="338"/>
              </a:spcAft>
              <a:buFont typeface="Djoef Offc" panose="02000000000000000000" pitchFamily="2" charset="0"/>
              <a:buChar char="​"/>
              <a:defRPr sz="900" b="1">
                <a:latin typeface="+mj-lt"/>
              </a:defRPr>
            </a:lvl6pPr>
            <a:lvl7pPr marL="0" indent="0">
              <a:lnSpc>
                <a:spcPct val="100000"/>
              </a:lnSpc>
              <a:spcBef>
                <a:spcPts val="0"/>
              </a:spcBef>
              <a:spcAft>
                <a:spcPts val="338"/>
              </a:spcAft>
              <a:buFont typeface="Djoef Offc" panose="02000000000000000000" pitchFamily="2" charset="0"/>
              <a:buChar char="​"/>
              <a:defRPr sz="900" b="0">
                <a:latin typeface="+mn-lt"/>
              </a:defRPr>
            </a:lvl7pPr>
            <a:lvl8pPr marL="0" indent="0">
              <a:lnSpc>
                <a:spcPct val="100000"/>
              </a:lnSpc>
              <a:spcBef>
                <a:spcPts val="0"/>
              </a:spcBef>
              <a:spcAft>
                <a:spcPts val="338"/>
              </a:spcAft>
              <a:buFont typeface="Djoef Offc" panose="02000000000000000000" pitchFamily="2" charset="0"/>
              <a:buChar char="​"/>
              <a:defRPr sz="900" b="1">
                <a:latin typeface="+mj-lt"/>
              </a:defRPr>
            </a:lvl8pPr>
            <a:lvl9pPr marL="0" indent="0">
              <a:lnSpc>
                <a:spcPct val="100000"/>
              </a:lnSpc>
              <a:spcBef>
                <a:spcPts val="0"/>
              </a:spcBef>
              <a:spcAft>
                <a:spcPts val="338"/>
              </a:spcAft>
              <a:buFont typeface="Djoef Offc" panose="02000000000000000000" pitchFamily="2" charset="0"/>
              <a:buChar char="​"/>
              <a:defRPr sz="900"/>
            </a:lvl9pPr>
          </a:lstStyle>
          <a:p>
            <a:pPr lvl="0"/>
            <a:r>
              <a:rPr lang="da-DK" noProof="0"/>
              <a:t>Klik for at redigere teksttypografierne i masteren</a:t>
            </a:r>
          </a:p>
          <a:p>
            <a:pPr lvl="1"/>
            <a:r>
              <a:rPr lang="da-DK" noProof="0"/>
              <a:t>Andet niveau</a:t>
            </a:r>
          </a:p>
          <a:p>
            <a:pPr lvl="2"/>
            <a:r>
              <a:rPr lang="da-DK" noProof="0"/>
              <a:t>Tredje niveau</a:t>
            </a:r>
          </a:p>
          <a:p>
            <a:pPr lvl="3"/>
            <a:r>
              <a:rPr lang="da-DK" noProof="0"/>
              <a:t>Fjerde niveau</a:t>
            </a:r>
          </a:p>
          <a:p>
            <a:pPr lvl="4"/>
            <a:r>
              <a:rPr lang="da-DK" noProof="0"/>
              <a:t>Femte niveau</a:t>
            </a:r>
            <a:endParaRPr lang="da-DK" noProof="0" dirty="0"/>
          </a:p>
        </p:txBody>
      </p:sp>
      <p:sp>
        <p:nvSpPr>
          <p:cNvPr id="5" name="Date Placeholder 1">
            <a:extLst>
              <a:ext uri="{FF2B5EF4-FFF2-40B4-BE49-F238E27FC236}">
                <a16:creationId xmlns:a16="http://schemas.microsoft.com/office/drawing/2014/main" id="{89070674-3695-ABD6-0D1C-C7CAA98D04C7}"/>
              </a:ext>
            </a:extLst>
          </p:cNvPr>
          <p:cNvSpPr>
            <a:spLocks noGrp="1"/>
          </p:cNvSpPr>
          <p:nvPr>
            <p:ph type="dt" sz="half" idx="14"/>
          </p:nvPr>
        </p:nvSpPr>
        <p:spPr bwMode="white"/>
        <p:txBody>
          <a:bodyPr/>
          <a:lstStyle>
            <a:lvl1pPr>
              <a:defRPr/>
            </a:lvl1pPr>
          </a:lstStyle>
          <a:p>
            <a:pPr>
              <a:defRPr/>
            </a:pPr>
            <a:fld id="{D2DF0D41-E231-410A-AA72-2AA6833DD9DA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6" name="Footer Placeholder 3">
            <a:extLst>
              <a:ext uri="{FF2B5EF4-FFF2-40B4-BE49-F238E27FC236}">
                <a16:creationId xmlns:a16="http://schemas.microsoft.com/office/drawing/2014/main" id="{D3D57404-0D88-5CDC-2FAA-51331EE9CB48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 bwMode="white">
          <a:xfrm>
            <a:off x="1916113" y="639763"/>
            <a:ext cx="3024187" cy="32067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8" name="Slide Number Placeholder 4">
            <a:extLst>
              <a:ext uri="{FF2B5EF4-FFF2-40B4-BE49-F238E27FC236}">
                <a16:creationId xmlns:a16="http://schemas.microsoft.com/office/drawing/2014/main" id="{FAE0A0FD-8BE2-C52B-AED2-18BEA2E581F6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 bwMode="white"/>
        <p:txBody>
          <a:bodyPr/>
          <a:lstStyle>
            <a:lvl1pPr>
              <a:defRPr/>
            </a:lvl1pPr>
          </a:lstStyle>
          <a:p>
            <a:pPr>
              <a:defRPr/>
            </a:pPr>
            <a:fld id="{6E68300E-9B6F-42EE-A5BE-ECEDFC2A464B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12418086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genda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ggrund">
            <a:extLst>
              <a:ext uri="{FF2B5EF4-FFF2-40B4-BE49-F238E27FC236}">
                <a16:creationId xmlns:a16="http://schemas.microsoft.com/office/drawing/2014/main" id="{ACE5C6D1-0590-699C-C20F-7AE4889475FA}"/>
              </a:ext>
            </a:extLst>
          </p:cNvPr>
          <p:cNvSpPr/>
          <p:nvPr/>
        </p:nvSpPr>
        <p:spPr bwMode="ltGray">
          <a:xfrm>
            <a:off x="0" y="0"/>
            <a:ext cx="6858000" cy="12192000"/>
          </a:xfrm>
          <a:custGeom>
            <a:avLst/>
            <a:gdLst>
              <a:gd name="connsiteX0" fmla="*/ 0 w 10572750"/>
              <a:gd name="connsiteY0" fmla="*/ 0 h 10287000"/>
              <a:gd name="connsiteX1" fmla="*/ 10572750 w 10572750"/>
              <a:gd name="connsiteY1" fmla="*/ 0 h 10287000"/>
              <a:gd name="connsiteX2" fmla="*/ 10572750 w 10572750"/>
              <a:gd name="connsiteY2" fmla="*/ 10287000 h 10287000"/>
              <a:gd name="connsiteX3" fmla="*/ 0 w 10572750"/>
              <a:gd name="connsiteY3" fmla="*/ 10287000 h 10287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572750" h="10287000">
                <a:moveTo>
                  <a:pt x="0" y="0"/>
                </a:moveTo>
                <a:lnTo>
                  <a:pt x="10572750" y="0"/>
                </a:lnTo>
                <a:lnTo>
                  <a:pt x="10572750" y="10287000"/>
                </a:lnTo>
                <a:lnTo>
                  <a:pt x="0" y="10287000"/>
                </a:lnTo>
                <a:close/>
              </a:path>
            </a:pathLst>
          </a:custGeom>
          <a:solidFill>
            <a:schemeClr val="accent1"/>
          </a:solidFill>
          <a:ln w="9525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sp>
        <p:nvSpPr>
          <p:cNvPr id="3" name="Freeform: Shape 24">
            <a:extLst>
              <a:ext uri="{FF2B5EF4-FFF2-40B4-BE49-F238E27FC236}">
                <a16:creationId xmlns:a16="http://schemas.microsoft.com/office/drawing/2014/main" id="{B1970712-4650-BAE7-AE4F-22DBE74B045E}"/>
              </a:ext>
            </a:extLst>
          </p:cNvPr>
          <p:cNvSpPr/>
          <p:nvPr userDrawn="1"/>
        </p:nvSpPr>
        <p:spPr bwMode="white">
          <a:xfrm>
            <a:off x="6197600" y="639763"/>
            <a:ext cx="355600" cy="635000"/>
          </a:xfrm>
          <a:custGeom>
            <a:avLst/>
            <a:gdLst>
              <a:gd name="connsiteX0" fmla="*/ 3991223 w 5553123"/>
              <a:gd name="connsiteY0" fmla="*/ 1407246 h 3128654"/>
              <a:gd name="connsiteX1" fmla="*/ 3430346 w 5553123"/>
              <a:gd name="connsiteY1" fmla="*/ 1968030 h 3128654"/>
              <a:gd name="connsiteX2" fmla="*/ 3597555 w 5553123"/>
              <a:gd name="connsiteY2" fmla="*/ 1999879 h 3128654"/>
              <a:gd name="connsiteX3" fmla="*/ 4017277 w 5553123"/>
              <a:gd name="connsiteY3" fmla="*/ 1565700 h 3128654"/>
              <a:gd name="connsiteX4" fmla="*/ 4017243 w 5553123"/>
              <a:gd name="connsiteY4" fmla="*/ 1565803 h 3128654"/>
              <a:gd name="connsiteX5" fmla="*/ 3991223 w 5553123"/>
              <a:gd name="connsiteY5" fmla="*/ 1407246 h 3128654"/>
              <a:gd name="connsiteX6" fmla="*/ 3597692 w 5553123"/>
              <a:gd name="connsiteY6" fmla="*/ 1131487 h 3128654"/>
              <a:gd name="connsiteX7" fmla="*/ 3172031 w 5553123"/>
              <a:gd name="connsiteY7" fmla="*/ 1565700 h 3128654"/>
              <a:gd name="connsiteX8" fmla="*/ 3171997 w 5553123"/>
              <a:gd name="connsiteY8" fmla="*/ 1565803 h 3128654"/>
              <a:gd name="connsiteX9" fmla="*/ 3197296 w 5553123"/>
              <a:gd name="connsiteY9" fmla="*/ 1722061 h 3128654"/>
              <a:gd name="connsiteX10" fmla="*/ 3757830 w 5553123"/>
              <a:gd name="connsiteY10" fmla="*/ 1161723 h 3128654"/>
              <a:gd name="connsiteX11" fmla="*/ 3597692 w 5553123"/>
              <a:gd name="connsiteY11" fmla="*/ 1131487 h 3128654"/>
              <a:gd name="connsiteX12" fmla="*/ 2205438 w 5553123"/>
              <a:gd name="connsiteY12" fmla="*/ 837298 h 3128654"/>
              <a:gd name="connsiteX13" fmla="*/ 2590180 w 5553123"/>
              <a:gd name="connsiteY13" fmla="*/ 837298 h 3128654"/>
              <a:gd name="connsiteX14" fmla="*/ 2590180 w 5553123"/>
              <a:gd name="connsiteY14" fmla="*/ 2548651 h 3128654"/>
              <a:gd name="connsiteX15" fmla="*/ 2015984 w 5553123"/>
              <a:gd name="connsiteY15" fmla="*/ 3128654 h 3128654"/>
              <a:gd name="connsiteX16" fmla="*/ 1756572 w 5553123"/>
              <a:gd name="connsiteY16" fmla="*/ 3073262 h 3128654"/>
              <a:gd name="connsiteX17" fmla="*/ 1844038 w 5553123"/>
              <a:gd name="connsiteY17" fmla="*/ 2761571 h 3128654"/>
              <a:gd name="connsiteX18" fmla="*/ 1989724 w 5553123"/>
              <a:gd name="connsiteY18" fmla="*/ 2787791 h 3128654"/>
              <a:gd name="connsiteX19" fmla="*/ 2205438 w 5553123"/>
              <a:gd name="connsiteY19" fmla="*/ 2548857 h 3128654"/>
              <a:gd name="connsiteX20" fmla="*/ 4139105 w 5553123"/>
              <a:gd name="connsiteY20" fmla="*/ 780499 h 3128654"/>
              <a:gd name="connsiteX21" fmla="*/ 4378642 w 5553123"/>
              <a:gd name="connsiteY21" fmla="*/ 1020017 h 3128654"/>
              <a:gd name="connsiteX22" fmla="*/ 4263474 w 5553123"/>
              <a:gd name="connsiteY22" fmla="*/ 1135365 h 3128654"/>
              <a:gd name="connsiteX23" fmla="*/ 4390485 w 5553123"/>
              <a:gd name="connsiteY23" fmla="*/ 1565769 h 3128654"/>
              <a:gd name="connsiteX24" fmla="*/ 3597520 w 5553123"/>
              <a:gd name="connsiteY24" fmla="*/ 2335080 h 3128654"/>
              <a:gd name="connsiteX25" fmla="*/ 3173748 w 5553123"/>
              <a:gd name="connsiteY25" fmla="*/ 2224604 h 3128654"/>
              <a:gd name="connsiteX26" fmla="*/ 3050169 w 5553123"/>
              <a:gd name="connsiteY26" fmla="*/ 2348155 h 3128654"/>
              <a:gd name="connsiteX27" fmla="*/ 2810563 w 5553123"/>
              <a:gd name="connsiteY27" fmla="*/ 2108707 h 3128654"/>
              <a:gd name="connsiteX28" fmla="*/ 2925320 w 5553123"/>
              <a:gd name="connsiteY28" fmla="*/ 1993976 h 3128654"/>
              <a:gd name="connsiteX29" fmla="*/ 2798892 w 5553123"/>
              <a:gd name="connsiteY29" fmla="*/ 1565838 h 3128654"/>
              <a:gd name="connsiteX30" fmla="*/ 3597486 w 5553123"/>
              <a:gd name="connsiteY30" fmla="*/ 793644 h 3128654"/>
              <a:gd name="connsiteX31" fmla="*/ 4015526 w 5553123"/>
              <a:gd name="connsiteY31" fmla="*/ 904050 h 3128654"/>
              <a:gd name="connsiteX32" fmla="*/ 396379 w 5553123"/>
              <a:gd name="connsiteY32" fmla="*/ 435140 h 3128654"/>
              <a:gd name="connsiteX33" fmla="*/ 396379 w 5553123"/>
              <a:gd name="connsiteY33" fmla="*/ 1932956 h 3128654"/>
              <a:gd name="connsiteX34" fmla="*/ 846344 w 5553123"/>
              <a:gd name="connsiteY34" fmla="*/ 1932956 h 3128654"/>
              <a:gd name="connsiteX35" fmla="*/ 1601274 w 5553123"/>
              <a:gd name="connsiteY35" fmla="*/ 1184065 h 3128654"/>
              <a:gd name="connsiteX36" fmla="*/ 846344 w 5553123"/>
              <a:gd name="connsiteY36" fmla="*/ 435140 h 3128654"/>
              <a:gd name="connsiteX37" fmla="*/ 0 w 5553123"/>
              <a:gd name="connsiteY37" fmla="*/ 76739 h 3128654"/>
              <a:gd name="connsiteX38" fmla="*/ 820049 w 5553123"/>
              <a:gd name="connsiteY38" fmla="*/ 76739 h 3128654"/>
              <a:gd name="connsiteX39" fmla="*/ 2000502 w 5553123"/>
              <a:gd name="connsiteY39" fmla="*/ 1184065 h 3128654"/>
              <a:gd name="connsiteX40" fmla="*/ 820049 w 5553123"/>
              <a:gd name="connsiteY40" fmla="*/ 2291391 h 3128654"/>
              <a:gd name="connsiteX41" fmla="*/ 0 w 5553123"/>
              <a:gd name="connsiteY41" fmla="*/ 2291391 h 3128654"/>
              <a:gd name="connsiteX42" fmla="*/ 5214998 w 5553123"/>
              <a:gd name="connsiteY42" fmla="*/ 0 h 3128654"/>
              <a:gd name="connsiteX43" fmla="*/ 5474410 w 5553123"/>
              <a:gd name="connsiteY43" fmla="*/ 55393 h 3128654"/>
              <a:gd name="connsiteX44" fmla="*/ 5386944 w 5553123"/>
              <a:gd name="connsiteY44" fmla="*/ 367187 h 3128654"/>
              <a:gd name="connsiteX45" fmla="*/ 5241258 w 5553123"/>
              <a:gd name="connsiteY45" fmla="*/ 340932 h 3128654"/>
              <a:gd name="connsiteX46" fmla="*/ 5025544 w 5553123"/>
              <a:gd name="connsiteY46" fmla="*/ 579901 h 3128654"/>
              <a:gd name="connsiteX47" fmla="*/ 5025544 w 5553123"/>
              <a:gd name="connsiteY47" fmla="*/ 837299 h 3128654"/>
              <a:gd name="connsiteX48" fmla="*/ 5553123 w 5553123"/>
              <a:gd name="connsiteY48" fmla="*/ 837402 h 3128654"/>
              <a:gd name="connsiteX49" fmla="*/ 5553123 w 5553123"/>
              <a:gd name="connsiteY49" fmla="*/ 1152113 h 3128654"/>
              <a:gd name="connsiteX50" fmla="*/ 5025544 w 5553123"/>
              <a:gd name="connsiteY50" fmla="*/ 1152113 h 3128654"/>
              <a:gd name="connsiteX51" fmla="*/ 5025544 w 5553123"/>
              <a:gd name="connsiteY51" fmla="*/ 2291528 h 3128654"/>
              <a:gd name="connsiteX52" fmla="*/ 4640802 w 5553123"/>
              <a:gd name="connsiteY52" fmla="*/ 2291528 h 3128654"/>
              <a:gd name="connsiteX53" fmla="*/ 4640802 w 5553123"/>
              <a:gd name="connsiteY53" fmla="*/ 1152113 h 3128654"/>
              <a:gd name="connsiteX54" fmla="*/ 4423612 w 5553123"/>
              <a:gd name="connsiteY54" fmla="*/ 1152113 h 3128654"/>
              <a:gd name="connsiteX55" fmla="*/ 4423612 w 5553123"/>
              <a:gd name="connsiteY55" fmla="*/ 837402 h 3128654"/>
              <a:gd name="connsiteX56" fmla="*/ 4640802 w 5553123"/>
              <a:gd name="connsiteY56" fmla="*/ 837402 h 3128654"/>
              <a:gd name="connsiteX57" fmla="*/ 4640802 w 5553123"/>
              <a:gd name="connsiteY57" fmla="*/ 580004 h 3128654"/>
              <a:gd name="connsiteX58" fmla="*/ 5214998 w 5553123"/>
              <a:gd name="connsiteY58" fmla="*/ 0 h 31286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5553123" h="3128654">
                <a:moveTo>
                  <a:pt x="3991223" y="1407246"/>
                </a:moveTo>
                <a:lnTo>
                  <a:pt x="3430346" y="1968030"/>
                </a:lnTo>
                <a:cubicBezTo>
                  <a:pt x="3483553" y="1989213"/>
                  <a:pt x="3540297" y="2000023"/>
                  <a:pt x="3597555" y="1999879"/>
                </a:cubicBezTo>
                <a:cubicBezTo>
                  <a:pt x="3819070" y="1999879"/>
                  <a:pt x="4017277" y="1836826"/>
                  <a:pt x="4017277" y="1565700"/>
                </a:cubicBezTo>
                <a:lnTo>
                  <a:pt x="4017243" y="1565803"/>
                </a:lnTo>
                <a:cubicBezTo>
                  <a:pt x="4017518" y="1511866"/>
                  <a:pt x="4008729" y="1458269"/>
                  <a:pt x="3991223" y="1407246"/>
                </a:cubicBezTo>
                <a:close/>
                <a:moveTo>
                  <a:pt x="3597692" y="1131487"/>
                </a:moveTo>
                <a:cubicBezTo>
                  <a:pt x="3370204" y="1131487"/>
                  <a:pt x="3172031" y="1294574"/>
                  <a:pt x="3172031" y="1565700"/>
                </a:cubicBezTo>
                <a:lnTo>
                  <a:pt x="3171997" y="1565803"/>
                </a:lnTo>
                <a:cubicBezTo>
                  <a:pt x="3171757" y="1618927"/>
                  <a:pt x="3180304" y="1671724"/>
                  <a:pt x="3197296" y="1722061"/>
                </a:cubicBezTo>
                <a:lnTo>
                  <a:pt x="3757830" y="1161723"/>
                </a:lnTo>
                <a:cubicBezTo>
                  <a:pt x="3706819" y="1141649"/>
                  <a:pt x="3652513" y="1131391"/>
                  <a:pt x="3597692" y="1131487"/>
                </a:cubicBezTo>
                <a:close/>
                <a:moveTo>
                  <a:pt x="2205438" y="837298"/>
                </a:moveTo>
                <a:lnTo>
                  <a:pt x="2590180" y="837298"/>
                </a:lnTo>
                <a:lnTo>
                  <a:pt x="2590180" y="2548651"/>
                </a:lnTo>
                <a:cubicBezTo>
                  <a:pt x="2590180" y="2895520"/>
                  <a:pt x="2359911" y="3128654"/>
                  <a:pt x="2015984" y="3128654"/>
                </a:cubicBezTo>
                <a:cubicBezTo>
                  <a:pt x="1922717" y="3128654"/>
                  <a:pt x="1838202" y="3111014"/>
                  <a:pt x="1756572" y="3073262"/>
                </a:cubicBezTo>
                <a:lnTo>
                  <a:pt x="1844038" y="2761571"/>
                </a:lnTo>
                <a:cubicBezTo>
                  <a:pt x="1896456" y="2779074"/>
                  <a:pt x="1948909" y="2787791"/>
                  <a:pt x="1989724" y="2787791"/>
                </a:cubicBezTo>
                <a:cubicBezTo>
                  <a:pt x="2118006" y="2787791"/>
                  <a:pt x="2205438" y="2691627"/>
                  <a:pt x="2205438" y="2548857"/>
                </a:cubicBezTo>
                <a:close/>
                <a:moveTo>
                  <a:pt x="4139105" y="780499"/>
                </a:moveTo>
                <a:lnTo>
                  <a:pt x="4378642" y="1020017"/>
                </a:lnTo>
                <a:lnTo>
                  <a:pt x="4263474" y="1135365"/>
                </a:lnTo>
                <a:cubicBezTo>
                  <a:pt x="4343457" y="1255038"/>
                  <a:pt x="4390485" y="1401034"/>
                  <a:pt x="4390485" y="1565769"/>
                </a:cubicBezTo>
                <a:cubicBezTo>
                  <a:pt x="4390485" y="2023285"/>
                  <a:pt x="4028880" y="2335080"/>
                  <a:pt x="3597520" y="2335080"/>
                </a:cubicBezTo>
                <a:cubicBezTo>
                  <a:pt x="3442429" y="2335080"/>
                  <a:pt x="3296983" y="2295681"/>
                  <a:pt x="3173748" y="2224604"/>
                </a:cubicBezTo>
                <a:lnTo>
                  <a:pt x="3050169" y="2348155"/>
                </a:lnTo>
                <a:lnTo>
                  <a:pt x="2810563" y="2108707"/>
                </a:lnTo>
                <a:lnTo>
                  <a:pt x="2925320" y="1993976"/>
                </a:lnTo>
                <a:cubicBezTo>
                  <a:pt x="2845543" y="1875058"/>
                  <a:pt x="2798892" y="1729886"/>
                  <a:pt x="2798892" y="1565838"/>
                </a:cubicBezTo>
                <a:cubicBezTo>
                  <a:pt x="2798892" y="1108390"/>
                  <a:pt x="3160291" y="793644"/>
                  <a:pt x="3597486" y="793644"/>
                </a:cubicBezTo>
                <a:cubicBezTo>
                  <a:pt x="3749866" y="793644"/>
                  <a:pt x="3893424" y="833077"/>
                  <a:pt x="4015526" y="904050"/>
                </a:cubicBezTo>
                <a:close/>
                <a:moveTo>
                  <a:pt x="396379" y="435140"/>
                </a:moveTo>
                <a:lnTo>
                  <a:pt x="396379" y="1932956"/>
                </a:lnTo>
                <a:lnTo>
                  <a:pt x="846344" y="1932956"/>
                </a:lnTo>
                <a:cubicBezTo>
                  <a:pt x="1298059" y="1932956"/>
                  <a:pt x="1601274" y="1632830"/>
                  <a:pt x="1601274" y="1184065"/>
                </a:cubicBezTo>
                <a:cubicBezTo>
                  <a:pt x="1601274" y="735300"/>
                  <a:pt x="1298128" y="435140"/>
                  <a:pt x="846344" y="435140"/>
                </a:cubicBezTo>
                <a:close/>
                <a:moveTo>
                  <a:pt x="0" y="76739"/>
                </a:moveTo>
                <a:lnTo>
                  <a:pt x="820049" y="76739"/>
                </a:lnTo>
                <a:cubicBezTo>
                  <a:pt x="1528328" y="76739"/>
                  <a:pt x="2000502" y="519670"/>
                  <a:pt x="2000502" y="1184065"/>
                </a:cubicBezTo>
                <a:cubicBezTo>
                  <a:pt x="2000502" y="1848460"/>
                  <a:pt x="1528328" y="2291391"/>
                  <a:pt x="820049" y="2291391"/>
                </a:cubicBezTo>
                <a:lnTo>
                  <a:pt x="0" y="2291391"/>
                </a:lnTo>
                <a:close/>
                <a:moveTo>
                  <a:pt x="5214998" y="0"/>
                </a:moveTo>
                <a:cubicBezTo>
                  <a:pt x="5308265" y="0"/>
                  <a:pt x="5392780" y="17641"/>
                  <a:pt x="5474410" y="55393"/>
                </a:cubicBezTo>
                <a:lnTo>
                  <a:pt x="5386944" y="367187"/>
                </a:lnTo>
                <a:cubicBezTo>
                  <a:pt x="5334526" y="349684"/>
                  <a:pt x="5282074" y="340932"/>
                  <a:pt x="5241258" y="340932"/>
                </a:cubicBezTo>
                <a:cubicBezTo>
                  <a:pt x="5112976" y="340932"/>
                  <a:pt x="5025544" y="437131"/>
                  <a:pt x="5025544" y="579901"/>
                </a:cubicBezTo>
                <a:lnTo>
                  <a:pt x="5025544" y="837299"/>
                </a:lnTo>
                <a:lnTo>
                  <a:pt x="5553123" y="837402"/>
                </a:lnTo>
                <a:lnTo>
                  <a:pt x="5553123" y="1152113"/>
                </a:lnTo>
                <a:lnTo>
                  <a:pt x="5025544" y="1152113"/>
                </a:lnTo>
                <a:lnTo>
                  <a:pt x="5025544" y="2291528"/>
                </a:lnTo>
                <a:lnTo>
                  <a:pt x="4640802" y="2291528"/>
                </a:lnTo>
                <a:lnTo>
                  <a:pt x="4640802" y="1152113"/>
                </a:lnTo>
                <a:lnTo>
                  <a:pt x="4423612" y="1152113"/>
                </a:lnTo>
                <a:lnTo>
                  <a:pt x="4423612" y="837402"/>
                </a:lnTo>
                <a:lnTo>
                  <a:pt x="4640802" y="837402"/>
                </a:lnTo>
                <a:lnTo>
                  <a:pt x="4640802" y="580004"/>
                </a:lnTo>
                <a:cubicBezTo>
                  <a:pt x="4640802" y="233134"/>
                  <a:pt x="4871070" y="0"/>
                  <a:pt x="5214998" y="0"/>
                </a:cubicBezTo>
                <a:close/>
              </a:path>
            </a:pathLst>
          </a:custGeom>
          <a:solidFill>
            <a:srgbClr val="FFFFFF"/>
          </a:solidFill>
          <a:ln w="3432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sp>
        <p:nvSpPr>
          <p:cNvPr id="20" name="Title 2"/>
          <p:cNvSpPr>
            <a:spLocks noGrp="1"/>
          </p:cNvSpPr>
          <p:nvPr>
            <p:ph type="title"/>
          </p:nvPr>
        </p:nvSpPr>
        <p:spPr bwMode="white">
          <a:xfrm>
            <a:off x="303751" y="3812823"/>
            <a:ext cx="1410750" cy="7739175"/>
          </a:xfrm>
        </p:spPr>
        <p:txBody>
          <a:bodyPr/>
          <a:lstStyle>
            <a:lvl1pPr>
              <a:defRPr sz="1350"/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7"/>
          </p:nvPr>
        </p:nvSpPr>
        <p:spPr bwMode="white">
          <a:xfrm>
            <a:off x="1917203" y="3812825"/>
            <a:ext cx="536675" cy="7739175"/>
          </a:xfrm>
        </p:spPr>
        <p:txBody>
          <a:bodyPr/>
          <a:lstStyle>
            <a:lvl1pPr marL="0" indent="0">
              <a:lnSpc>
                <a:spcPts val="1406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900"/>
            </a:lvl1pPr>
            <a:lvl2pPr marL="0" indent="0">
              <a:lnSpc>
                <a:spcPts val="1406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900" b="1">
                <a:latin typeface="+mj-lt"/>
              </a:defRPr>
            </a:lvl2pPr>
            <a:lvl3pPr marL="0" indent="0">
              <a:lnSpc>
                <a:spcPts val="1406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900"/>
            </a:lvl3pPr>
            <a:lvl4pPr>
              <a:lnSpc>
                <a:spcPts val="1406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900"/>
            </a:lvl4pPr>
            <a:lvl5pPr>
              <a:lnSpc>
                <a:spcPts val="1406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900"/>
            </a:lvl5pPr>
            <a:lvl6pPr marL="0" indent="0">
              <a:lnSpc>
                <a:spcPts val="1406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900" b="1">
                <a:latin typeface="+mj-lt"/>
              </a:defRPr>
            </a:lvl6pPr>
            <a:lvl7pPr>
              <a:lnSpc>
                <a:spcPts val="1406"/>
              </a:lnSpc>
              <a:spcBef>
                <a:spcPts val="0"/>
              </a:spcBef>
              <a:spcAft>
                <a:spcPts val="0"/>
              </a:spcAft>
              <a:defRPr sz="900" b="0"/>
            </a:lvl7pPr>
            <a:lvl8pPr>
              <a:lnSpc>
                <a:spcPts val="1406"/>
              </a:lnSpc>
              <a:spcBef>
                <a:spcPts val="0"/>
              </a:spcBef>
              <a:spcAft>
                <a:spcPts val="0"/>
              </a:spcAft>
              <a:defRPr sz="900" b="1">
                <a:latin typeface="+mj-lt"/>
              </a:defRPr>
            </a:lvl8pPr>
            <a:lvl9pPr>
              <a:lnSpc>
                <a:spcPts val="1406"/>
              </a:lnSpc>
              <a:spcBef>
                <a:spcPts val="0"/>
              </a:spcBef>
              <a:spcAft>
                <a:spcPts val="0"/>
              </a:spcAft>
              <a:defRPr sz="900"/>
            </a:lvl9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3"/>
          </p:nvPr>
        </p:nvSpPr>
        <p:spPr bwMode="white">
          <a:xfrm>
            <a:off x="2453878" y="3812825"/>
            <a:ext cx="2486918" cy="7739175"/>
          </a:xfrm>
        </p:spPr>
        <p:txBody>
          <a:bodyPr/>
          <a:lstStyle>
            <a:lvl1pPr marL="0" indent="0">
              <a:lnSpc>
                <a:spcPts val="1406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900">
                <a:solidFill>
                  <a:schemeClr val="tx1"/>
                </a:solidFill>
              </a:defRPr>
            </a:lvl1pPr>
            <a:lvl2pPr marL="0" indent="0">
              <a:lnSpc>
                <a:spcPts val="1406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900" b="1">
                <a:solidFill>
                  <a:schemeClr val="tx1"/>
                </a:solidFill>
                <a:latin typeface="+mj-lt"/>
              </a:defRPr>
            </a:lvl2pPr>
            <a:lvl3pPr marL="0" indent="0">
              <a:lnSpc>
                <a:spcPts val="1406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900">
                <a:solidFill>
                  <a:schemeClr val="tx1"/>
                </a:solidFill>
              </a:defRPr>
            </a:lvl3pPr>
            <a:lvl4pPr marL="0" indent="0">
              <a:lnSpc>
                <a:spcPts val="1406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900">
                <a:solidFill>
                  <a:schemeClr val="tx1"/>
                </a:solidFill>
              </a:defRPr>
            </a:lvl4pPr>
            <a:lvl5pPr marL="0" indent="0">
              <a:lnSpc>
                <a:spcPts val="1406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900">
                <a:solidFill>
                  <a:schemeClr val="tx1"/>
                </a:solidFill>
              </a:defRPr>
            </a:lvl5pPr>
            <a:lvl6pPr marL="0" indent="0">
              <a:lnSpc>
                <a:spcPts val="1406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900" b="1">
                <a:solidFill>
                  <a:schemeClr val="tx1"/>
                </a:solidFill>
                <a:latin typeface="+mj-lt"/>
              </a:defRPr>
            </a:lvl6pPr>
            <a:lvl7pPr marL="0" indent="0">
              <a:lnSpc>
                <a:spcPts val="1406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900" b="0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ts val="1406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900" b="1">
                <a:solidFill>
                  <a:schemeClr val="tx1"/>
                </a:solidFill>
                <a:latin typeface="+mj-lt"/>
              </a:defRPr>
            </a:lvl8pPr>
            <a:lvl9pPr marL="0" indent="0">
              <a:lnSpc>
                <a:spcPts val="1406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900">
                <a:solidFill>
                  <a:schemeClr val="tx1"/>
                </a:solidFill>
              </a:defRPr>
            </a:lvl9pPr>
          </a:lstStyle>
          <a:p>
            <a:pPr lvl="0"/>
            <a:r>
              <a:rPr lang="da-DK" noProof="0"/>
              <a:t>Klik for at redigere teksttypografierne i masteren</a:t>
            </a:r>
          </a:p>
          <a:p>
            <a:pPr lvl="1"/>
            <a:r>
              <a:rPr lang="da-DK" noProof="0"/>
              <a:t>Andet niveau</a:t>
            </a:r>
          </a:p>
          <a:p>
            <a:pPr lvl="2"/>
            <a:r>
              <a:rPr lang="da-DK" noProof="0"/>
              <a:t>Tredje niveau</a:t>
            </a:r>
          </a:p>
          <a:p>
            <a:pPr lvl="3"/>
            <a:r>
              <a:rPr lang="da-DK" noProof="0"/>
              <a:t>Fjerde niveau</a:t>
            </a:r>
          </a:p>
          <a:p>
            <a:pPr lvl="4"/>
            <a:r>
              <a:rPr lang="da-DK" noProof="0"/>
              <a:t>Femte niveau</a:t>
            </a:r>
            <a:endParaRPr lang="da-DK" noProof="0" dirty="0"/>
          </a:p>
        </p:txBody>
      </p:sp>
      <p:sp>
        <p:nvSpPr>
          <p:cNvPr id="5" name="Date Placeholder 1">
            <a:extLst>
              <a:ext uri="{FF2B5EF4-FFF2-40B4-BE49-F238E27FC236}">
                <a16:creationId xmlns:a16="http://schemas.microsoft.com/office/drawing/2014/main" id="{8EFAEA1F-A7F2-4476-F143-A1EF37F232A3}"/>
              </a:ext>
            </a:extLst>
          </p:cNvPr>
          <p:cNvSpPr>
            <a:spLocks noGrp="1"/>
          </p:cNvSpPr>
          <p:nvPr>
            <p:ph type="dt" sz="half" idx="18"/>
          </p:nvPr>
        </p:nvSpPr>
        <p:spPr bwMode="white"/>
        <p:txBody>
          <a:bodyPr/>
          <a:lstStyle>
            <a:lvl1pPr>
              <a:defRPr/>
            </a:lvl1pPr>
          </a:lstStyle>
          <a:p>
            <a:pPr>
              <a:defRPr/>
            </a:pPr>
            <a:fld id="{8CC22809-4B01-4C77-B552-BCF0F477FB52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6BF737AA-FBAA-4CBB-918E-A4FFC2A81E36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 bwMode="white">
          <a:xfrm>
            <a:off x="1916113" y="639763"/>
            <a:ext cx="3024187" cy="32067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8" name="Slide Number Placeholder 5">
            <a:extLst>
              <a:ext uri="{FF2B5EF4-FFF2-40B4-BE49-F238E27FC236}">
                <a16:creationId xmlns:a16="http://schemas.microsoft.com/office/drawing/2014/main" id="{C53B5B62-5D31-3570-32B5-C1264C4E4A5A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 bwMode="white"/>
        <p:txBody>
          <a:bodyPr/>
          <a:lstStyle>
            <a:lvl1pPr>
              <a:defRPr/>
            </a:lvl1pPr>
          </a:lstStyle>
          <a:p>
            <a:pPr>
              <a:defRPr/>
            </a:pPr>
            <a:fld id="{58E44D83-4BFC-48D0-9680-B121E358F664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87508632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ggrund">
            <a:extLst>
              <a:ext uri="{FF2B5EF4-FFF2-40B4-BE49-F238E27FC236}">
                <a16:creationId xmlns:a16="http://schemas.microsoft.com/office/drawing/2014/main" id="{8D827B5B-CB98-8DB9-7439-58ED477811AB}"/>
              </a:ext>
            </a:extLst>
          </p:cNvPr>
          <p:cNvSpPr/>
          <p:nvPr userDrawn="1"/>
        </p:nvSpPr>
        <p:spPr bwMode="ltGray">
          <a:xfrm>
            <a:off x="0" y="0"/>
            <a:ext cx="6858000" cy="12192000"/>
          </a:xfrm>
          <a:custGeom>
            <a:avLst/>
            <a:gdLst>
              <a:gd name="connsiteX0" fmla="*/ 0 w 10572750"/>
              <a:gd name="connsiteY0" fmla="*/ 0 h 10287000"/>
              <a:gd name="connsiteX1" fmla="*/ 10572750 w 10572750"/>
              <a:gd name="connsiteY1" fmla="*/ 0 h 10287000"/>
              <a:gd name="connsiteX2" fmla="*/ 10572750 w 10572750"/>
              <a:gd name="connsiteY2" fmla="*/ 10287000 h 10287000"/>
              <a:gd name="connsiteX3" fmla="*/ 0 w 10572750"/>
              <a:gd name="connsiteY3" fmla="*/ 10287000 h 10287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572750" h="10287000">
                <a:moveTo>
                  <a:pt x="0" y="0"/>
                </a:moveTo>
                <a:lnTo>
                  <a:pt x="10572750" y="0"/>
                </a:lnTo>
                <a:lnTo>
                  <a:pt x="10572750" y="10287000"/>
                </a:lnTo>
                <a:lnTo>
                  <a:pt x="0" y="10287000"/>
                </a:lnTo>
                <a:close/>
              </a:path>
            </a:pathLst>
          </a:custGeom>
          <a:solidFill>
            <a:schemeClr val="accent1"/>
          </a:solidFill>
          <a:ln w="9525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sp>
        <p:nvSpPr>
          <p:cNvPr id="4" name="Logo">
            <a:extLst>
              <a:ext uri="{FF2B5EF4-FFF2-40B4-BE49-F238E27FC236}">
                <a16:creationId xmlns:a16="http://schemas.microsoft.com/office/drawing/2014/main" id="{859A360E-026C-220F-AD9E-7BE310289064}"/>
              </a:ext>
            </a:extLst>
          </p:cNvPr>
          <p:cNvSpPr/>
          <p:nvPr userDrawn="1"/>
        </p:nvSpPr>
        <p:spPr bwMode="white">
          <a:xfrm>
            <a:off x="6197600" y="639763"/>
            <a:ext cx="355600" cy="635000"/>
          </a:xfrm>
          <a:custGeom>
            <a:avLst/>
            <a:gdLst>
              <a:gd name="connsiteX0" fmla="*/ 3991223 w 5553123"/>
              <a:gd name="connsiteY0" fmla="*/ 1407246 h 3128654"/>
              <a:gd name="connsiteX1" fmla="*/ 3430346 w 5553123"/>
              <a:gd name="connsiteY1" fmla="*/ 1968030 h 3128654"/>
              <a:gd name="connsiteX2" fmla="*/ 3597555 w 5553123"/>
              <a:gd name="connsiteY2" fmla="*/ 1999879 h 3128654"/>
              <a:gd name="connsiteX3" fmla="*/ 4017277 w 5553123"/>
              <a:gd name="connsiteY3" fmla="*/ 1565700 h 3128654"/>
              <a:gd name="connsiteX4" fmla="*/ 4017243 w 5553123"/>
              <a:gd name="connsiteY4" fmla="*/ 1565803 h 3128654"/>
              <a:gd name="connsiteX5" fmla="*/ 3991223 w 5553123"/>
              <a:gd name="connsiteY5" fmla="*/ 1407246 h 3128654"/>
              <a:gd name="connsiteX6" fmla="*/ 3597692 w 5553123"/>
              <a:gd name="connsiteY6" fmla="*/ 1131487 h 3128654"/>
              <a:gd name="connsiteX7" fmla="*/ 3172031 w 5553123"/>
              <a:gd name="connsiteY7" fmla="*/ 1565700 h 3128654"/>
              <a:gd name="connsiteX8" fmla="*/ 3171997 w 5553123"/>
              <a:gd name="connsiteY8" fmla="*/ 1565803 h 3128654"/>
              <a:gd name="connsiteX9" fmla="*/ 3197296 w 5553123"/>
              <a:gd name="connsiteY9" fmla="*/ 1722061 h 3128654"/>
              <a:gd name="connsiteX10" fmla="*/ 3757830 w 5553123"/>
              <a:gd name="connsiteY10" fmla="*/ 1161723 h 3128654"/>
              <a:gd name="connsiteX11" fmla="*/ 3597692 w 5553123"/>
              <a:gd name="connsiteY11" fmla="*/ 1131487 h 3128654"/>
              <a:gd name="connsiteX12" fmla="*/ 2205438 w 5553123"/>
              <a:gd name="connsiteY12" fmla="*/ 837298 h 3128654"/>
              <a:gd name="connsiteX13" fmla="*/ 2590180 w 5553123"/>
              <a:gd name="connsiteY13" fmla="*/ 837298 h 3128654"/>
              <a:gd name="connsiteX14" fmla="*/ 2590180 w 5553123"/>
              <a:gd name="connsiteY14" fmla="*/ 2548651 h 3128654"/>
              <a:gd name="connsiteX15" fmla="*/ 2015984 w 5553123"/>
              <a:gd name="connsiteY15" fmla="*/ 3128654 h 3128654"/>
              <a:gd name="connsiteX16" fmla="*/ 1756572 w 5553123"/>
              <a:gd name="connsiteY16" fmla="*/ 3073262 h 3128654"/>
              <a:gd name="connsiteX17" fmla="*/ 1844038 w 5553123"/>
              <a:gd name="connsiteY17" fmla="*/ 2761571 h 3128654"/>
              <a:gd name="connsiteX18" fmla="*/ 1989724 w 5553123"/>
              <a:gd name="connsiteY18" fmla="*/ 2787791 h 3128654"/>
              <a:gd name="connsiteX19" fmla="*/ 2205438 w 5553123"/>
              <a:gd name="connsiteY19" fmla="*/ 2548857 h 3128654"/>
              <a:gd name="connsiteX20" fmla="*/ 4139105 w 5553123"/>
              <a:gd name="connsiteY20" fmla="*/ 780499 h 3128654"/>
              <a:gd name="connsiteX21" fmla="*/ 4378642 w 5553123"/>
              <a:gd name="connsiteY21" fmla="*/ 1020017 h 3128654"/>
              <a:gd name="connsiteX22" fmla="*/ 4263474 w 5553123"/>
              <a:gd name="connsiteY22" fmla="*/ 1135365 h 3128654"/>
              <a:gd name="connsiteX23" fmla="*/ 4390485 w 5553123"/>
              <a:gd name="connsiteY23" fmla="*/ 1565769 h 3128654"/>
              <a:gd name="connsiteX24" fmla="*/ 3597520 w 5553123"/>
              <a:gd name="connsiteY24" fmla="*/ 2335080 h 3128654"/>
              <a:gd name="connsiteX25" fmla="*/ 3173748 w 5553123"/>
              <a:gd name="connsiteY25" fmla="*/ 2224604 h 3128654"/>
              <a:gd name="connsiteX26" fmla="*/ 3050169 w 5553123"/>
              <a:gd name="connsiteY26" fmla="*/ 2348155 h 3128654"/>
              <a:gd name="connsiteX27" fmla="*/ 2810563 w 5553123"/>
              <a:gd name="connsiteY27" fmla="*/ 2108707 h 3128654"/>
              <a:gd name="connsiteX28" fmla="*/ 2925320 w 5553123"/>
              <a:gd name="connsiteY28" fmla="*/ 1993976 h 3128654"/>
              <a:gd name="connsiteX29" fmla="*/ 2798892 w 5553123"/>
              <a:gd name="connsiteY29" fmla="*/ 1565838 h 3128654"/>
              <a:gd name="connsiteX30" fmla="*/ 3597486 w 5553123"/>
              <a:gd name="connsiteY30" fmla="*/ 793644 h 3128654"/>
              <a:gd name="connsiteX31" fmla="*/ 4015526 w 5553123"/>
              <a:gd name="connsiteY31" fmla="*/ 904050 h 3128654"/>
              <a:gd name="connsiteX32" fmla="*/ 396379 w 5553123"/>
              <a:gd name="connsiteY32" fmla="*/ 435140 h 3128654"/>
              <a:gd name="connsiteX33" fmla="*/ 396379 w 5553123"/>
              <a:gd name="connsiteY33" fmla="*/ 1932956 h 3128654"/>
              <a:gd name="connsiteX34" fmla="*/ 846344 w 5553123"/>
              <a:gd name="connsiteY34" fmla="*/ 1932956 h 3128654"/>
              <a:gd name="connsiteX35" fmla="*/ 1601274 w 5553123"/>
              <a:gd name="connsiteY35" fmla="*/ 1184065 h 3128654"/>
              <a:gd name="connsiteX36" fmla="*/ 846344 w 5553123"/>
              <a:gd name="connsiteY36" fmla="*/ 435140 h 3128654"/>
              <a:gd name="connsiteX37" fmla="*/ 0 w 5553123"/>
              <a:gd name="connsiteY37" fmla="*/ 76739 h 3128654"/>
              <a:gd name="connsiteX38" fmla="*/ 820049 w 5553123"/>
              <a:gd name="connsiteY38" fmla="*/ 76739 h 3128654"/>
              <a:gd name="connsiteX39" fmla="*/ 2000502 w 5553123"/>
              <a:gd name="connsiteY39" fmla="*/ 1184065 h 3128654"/>
              <a:gd name="connsiteX40" fmla="*/ 820049 w 5553123"/>
              <a:gd name="connsiteY40" fmla="*/ 2291391 h 3128654"/>
              <a:gd name="connsiteX41" fmla="*/ 0 w 5553123"/>
              <a:gd name="connsiteY41" fmla="*/ 2291391 h 3128654"/>
              <a:gd name="connsiteX42" fmla="*/ 5214998 w 5553123"/>
              <a:gd name="connsiteY42" fmla="*/ 0 h 3128654"/>
              <a:gd name="connsiteX43" fmla="*/ 5474410 w 5553123"/>
              <a:gd name="connsiteY43" fmla="*/ 55393 h 3128654"/>
              <a:gd name="connsiteX44" fmla="*/ 5386944 w 5553123"/>
              <a:gd name="connsiteY44" fmla="*/ 367187 h 3128654"/>
              <a:gd name="connsiteX45" fmla="*/ 5241258 w 5553123"/>
              <a:gd name="connsiteY45" fmla="*/ 340932 h 3128654"/>
              <a:gd name="connsiteX46" fmla="*/ 5025544 w 5553123"/>
              <a:gd name="connsiteY46" fmla="*/ 579901 h 3128654"/>
              <a:gd name="connsiteX47" fmla="*/ 5025544 w 5553123"/>
              <a:gd name="connsiteY47" fmla="*/ 837299 h 3128654"/>
              <a:gd name="connsiteX48" fmla="*/ 5553123 w 5553123"/>
              <a:gd name="connsiteY48" fmla="*/ 837402 h 3128654"/>
              <a:gd name="connsiteX49" fmla="*/ 5553123 w 5553123"/>
              <a:gd name="connsiteY49" fmla="*/ 1152113 h 3128654"/>
              <a:gd name="connsiteX50" fmla="*/ 5025544 w 5553123"/>
              <a:gd name="connsiteY50" fmla="*/ 1152113 h 3128654"/>
              <a:gd name="connsiteX51" fmla="*/ 5025544 w 5553123"/>
              <a:gd name="connsiteY51" fmla="*/ 2291528 h 3128654"/>
              <a:gd name="connsiteX52" fmla="*/ 4640802 w 5553123"/>
              <a:gd name="connsiteY52" fmla="*/ 2291528 h 3128654"/>
              <a:gd name="connsiteX53" fmla="*/ 4640802 w 5553123"/>
              <a:gd name="connsiteY53" fmla="*/ 1152113 h 3128654"/>
              <a:gd name="connsiteX54" fmla="*/ 4423612 w 5553123"/>
              <a:gd name="connsiteY54" fmla="*/ 1152113 h 3128654"/>
              <a:gd name="connsiteX55" fmla="*/ 4423612 w 5553123"/>
              <a:gd name="connsiteY55" fmla="*/ 837402 h 3128654"/>
              <a:gd name="connsiteX56" fmla="*/ 4640802 w 5553123"/>
              <a:gd name="connsiteY56" fmla="*/ 837402 h 3128654"/>
              <a:gd name="connsiteX57" fmla="*/ 4640802 w 5553123"/>
              <a:gd name="connsiteY57" fmla="*/ 580004 h 3128654"/>
              <a:gd name="connsiteX58" fmla="*/ 5214998 w 5553123"/>
              <a:gd name="connsiteY58" fmla="*/ 0 h 31286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5553123" h="3128654">
                <a:moveTo>
                  <a:pt x="3991223" y="1407246"/>
                </a:moveTo>
                <a:lnTo>
                  <a:pt x="3430346" y="1968030"/>
                </a:lnTo>
                <a:cubicBezTo>
                  <a:pt x="3483553" y="1989213"/>
                  <a:pt x="3540297" y="2000023"/>
                  <a:pt x="3597555" y="1999879"/>
                </a:cubicBezTo>
                <a:cubicBezTo>
                  <a:pt x="3819070" y="1999879"/>
                  <a:pt x="4017277" y="1836826"/>
                  <a:pt x="4017277" y="1565700"/>
                </a:cubicBezTo>
                <a:lnTo>
                  <a:pt x="4017243" y="1565803"/>
                </a:lnTo>
                <a:cubicBezTo>
                  <a:pt x="4017518" y="1511866"/>
                  <a:pt x="4008729" y="1458269"/>
                  <a:pt x="3991223" y="1407246"/>
                </a:cubicBezTo>
                <a:close/>
                <a:moveTo>
                  <a:pt x="3597692" y="1131487"/>
                </a:moveTo>
                <a:cubicBezTo>
                  <a:pt x="3370204" y="1131487"/>
                  <a:pt x="3172031" y="1294574"/>
                  <a:pt x="3172031" y="1565700"/>
                </a:cubicBezTo>
                <a:lnTo>
                  <a:pt x="3171997" y="1565803"/>
                </a:lnTo>
                <a:cubicBezTo>
                  <a:pt x="3171757" y="1618927"/>
                  <a:pt x="3180304" y="1671724"/>
                  <a:pt x="3197296" y="1722061"/>
                </a:cubicBezTo>
                <a:lnTo>
                  <a:pt x="3757830" y="1161723"/>
                </a:lnTo>
                <a:cubicBezTo>
                  <a:pt x="3706819" y="1141649"/>
                  <a:pt x="3652513" y="1131391"/>
                  <a:pt x="3597692" y="1131487"/>
                </a:cubicBezTo>
                <a:close/>
                <a:moveTo>
                  <a:pt x="2205438" y="837298"/>
                </a:moveTo>
                <a:lnTo>
                  <a:pt x="2590180" y="837298"/>
                </a:lnTo>
                <a:lnTo>
                  <a:pt x="2590180" y="2548651"/>
                </a:lnTo>
                <a:cubicBezTo>
                  <a:pt x="2590180" y="2895520"/>
                  <a:pt x="2359911" y="3128654"/>
                  <a:pt x="2015984" y="3128654"/>
                </a:cubicBezTo>
                <a:cubicBezTo>
                  <a:pt x="1922717" y="3128654"/>
                  <a:pt x="1838202" y="3111014"/>
                  <a:pt x="1756572" y="3073262"/>
                </a:cubicBezTo>
                <a:lnTo>
                  <a:pt x="1844038" y="2761571"/>
                </a:lnTo>
                <a:cubicBezTo>
                  <a:pt x="1896456" y="2779074"/>
                  <a:pt x="1948909" y="2787791"/>
                  <a:pt x="1989724" y="2787791"/>
                </a:cubicBezTo>
                <a:cubicBezTo>
                  <a:pt x="2118006" y="2787791"/>
                  <a:pt x="2205438" y="2691627"/>
                  <a:pt x="2205438" y="2548857"/>
                </a:cubicBezTo>
                <a:close/>
                <a:moveTo>
                  <a:pt x="4139105" y="780499"/>
                </a:moveTo>
                <a:lnTo>
                  <a:pt x="4378642" y="1020017"/>
                </a:lnTo>
                <a:lnTo>
                  <a:pt x="4263474" y="1135365"/>
                </a:lnTo>
                <a:cubicBezTo>
                  <a:pt x="4343457" y="1255038"/>
                  <a:pt x="4390485" y="1401034"/>
                  <a:pt x="4390485" y="1565769"/>
                </a:cubicBezTo>
                <a:cubicBezTo>
                  <a:pt x="4390485" y="2023285"/>
                  <a:pt x="4028880" y="2335080"/>
                  <a:pt x="3597520" y="2335080"/>
                </a:cubicBezTo>
                <a:cubicBezTo>
                  <a:pt x="3442429" y="2335080"/>
                  <a:pt x="3296983" y="2295681"/>
                  <a:pt x="3173748" y="2224604"/>
                </a:cubicBezTo>
                <a:lnTo>
                  <a:pt x="3050169" y="2348155"/>
                </a:lnTo>
                <a:lnTo>
                  <a:pt x="2810563" y="2108707"/>
                </a:lnTo>
                <a:lnTo>
                  <a:pt x="2925320" y="1993976"/>
                </a:lnTo>
                <a:cubicBezTo>
                  <a:pt x="2845543" y="1875058"/>
                  <a:pt x="2798892" y="1729886"/>
                  <a:pt x="2798892" y="1565838"/>
                </a:cubicBezTo>
                <a:cubicBezTo>
                  <a:pt x="2798892" y="1108390"/>
                  <a:pt x="3160291" y="793644"/>
                  <a:pt x="3597486" y="793644"/>
                </a:cubicBezTo>
                <a:cubicBezTo>
                  <a:pt x="3749866" y="793644"/>
                  <a:pt x="3893424" y="833077"/>
                  <a:pt x="4015526" y="904050"/>
                </a:cubicBezTo>
                <a:close/>
                <a:moveTo>
                  <a:pt x="396379" y="435140"/>
                </a:moveTo>
                <a:lnTo>
                  <a:pt x="396379" y="1932956"/>
                </a:lnTo>
                <a:lnTo>
                  <a:pt x="846344" y="1932956"/>
                </a:lnTo>
                <a:cubicBezTo>
                  <a:pt x="1298059" y="1932956"/>
                  <a:pt x="1601274" y="1632830"/>
                  <a:pt x="1601274" y="1184065"/>
                </a:cubicBezTo>
                <a:cubicBezTo>
                  <a:pt x="1601274" y="735300"/>
                  <a:pt x="1298128" y="435140"/>
                  <a:pt x="846344" y="435140"/>
                </a:cubicBezTo>
                <a:close/>
                <a:moveTo>
                  <a:pt x="0" y="76739"/>
                </a:moveTo>
                <a:lnTo>
                  <a:pt x="820049" y="76739"/>
                </a:lnTo>
                <a:cubicBezTo>
                  <a:pt x="1528328" y="76739"/>
                  <a:pt x="2000502" y="519670"/>
                  <a:pt x="2000502" y="1184065"/>
                </a:cubicBezTo>
                <a:cubicBezTo>
                  <a:pt x="2000502" y="1848460"/>
                  <a:pt x="1528328" y="2291391"/>
                  <a:pt x="820049" y="2291391"/>
                </a:cubicBezTo>
                <a:lnTo>
                  <a:pt x="0" y="2291391"/>
                </a:lnTo>
                <a:close/>
                <a:moveTo>
                  <a:pt x="5214998" y="0"/>
                </a:moveTo>
                <a:cubicBezTo>
                  <a:pt x="5308265" y="0"/>
                  <a:pt x="5392780" y="17641"/>
                  <a:pt x="5474410" y="55393"/>
                </a:cubicBezTo>
                <a:lnTo>
                  <a:pt x="5386944" y="367187"/>
                </a:lnTo>
                <a:cubicBezTo>
                  <a:pt x="5334526" y="349684"/>
                  <a:pt x="5282074" y="340932"/>
                  <a:pt x="5241258" y="340932"/>
                </a:cubicBezTo>
                <a:cubicBezTo>
                  <a:pt x="5112976" y="340932"/>
                  <a:pt x="5025544" y="437131"/>
                  <a:pt x="5025544" y="579901"/>
                </a:cubicBezTo>
                <a:lnTo>
                  <a:pt x="5025544" y="837299"/>
                </a:lnTo>
                <a:lnTo>
                  <a:pt x="5553123" y="837402"/>
                </a:lnTo>
                <a:lnTo>
                  <a:pt x="5553123" y="1152113"/>
                </a:lnTo>
                <a:lnTo>
                  <a:pt x="5025544" y="1152113"/>
                </a:lnTo>
                <a:lnTo>
                  <a:pt x="5025544" y="2291528"/>
                </a:lnTo>
                <a:lnTo>
                  <a:pt x="4640802" y="2291528"/>
                </a:lnTo>
                <a:lnTo>
                  <a:pt x="4640802" y="1152113"/>
                </a:lnTo>
                <a:lnTo>
                  <a:pt x="4423612" y="1152113"/>
                </a:lnTo>
                <a:lnTo>
                  <a:pt x="4423612" y="837402"/>
                </a:lnTo>
                <a:lnTo>
                  <a:pt x="4640802" y="837402"/>
                </a:lnTo>
                <a:lnTo>
                  <a:pt x="4640802" y="580004"/>
                </a:lnTo>
                <a:cubicBezTo>
                  <a:pt x="4640802" y="233134"/>
                  <a:pt x="4871070" y="0"/>
                  <a:pt x="5214998" y="0"/>
                </a:cubicBezTo>
                <a:close/>
              </a:path>
            </a:pathLst>
          </a:custGeom>
          <a:solidFill>
            <a:srgbClr val="FFFFFF"/>
          </a:solidFill>
          <a:ln w="3432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sp>
        <p:nvSpPr>
          <p:cNvPr id="5" name="Oval 10">
            <a:extLst>
              <a:ext uri="{FF2B5EF4-FFF2-40B4-BE49-F238E27FC236}">
                <a16:creationId xmlns:a16="http://schemas.microsoft.com/office/drawing/2014/main" id="{249B9F30-ECE9-B13E-C4DB-1492217FBDF0}"/>
              </a:ext>
            </a:extLst>
          </p:cNvPr>
          <p:cNvSpPr/>
          <p:nvPr userDrawn="1"/>
        </p:nvSpPr>
        <p:spPr>
          <a:xfrm>
            <a:off x="962025" y="9126538"/>
            <a:ext cx="971550" cy="3068637"/>
          </a:xfrm>
          <a:prstGeom prst="ellipse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20250" rIns="40500" bIns="2025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900" dirty="0"/>
          </a:p>
        </p:txBody>
      </p:sp>
      <p:sp>
        <p:nvSpPr>
          <p:cNvPr id="6" name="Oval 11">
            <a:extLst>
              <a:ext uri="{FF2B5EF4-FFF2-40B4-BE49-F238E27FC236}">
                <a16:creationId xmlns:a16="http://schemas.microsoft.com/office/drawing/2014/main" id="{28784DBD-C630-1D36-E1E8-95602F93FE0D}"/>
              </a:ext>
            </a:extLst>
          </p:cNvPr>
          <p:cNvSpPr/>
          <p:nvPr userDrawn="1"/>
        </p:nvSpPr>
        <p:spPr>
          <a:xfrm>
            <a:off x="2894013" y="9123363"/>
            <a:ext cx="971550" cy="3068637"/>
          </a:xfrm>
          <a:prstGeom prst="ellipse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20250" rIns="40500" bIns="2025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900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 bwMode="white">
          <a:xfrm>
            <a:off x="1916311" y="3812821"/>
            <a:ext cx="3227189" cy="4448000"/>
          </a:xfrm>
        </p:spPr>
        <p:txBody>
          <a:bodyPr/>
          <a:lstStyle>
            <a:lvl1pPr algn="l">
              <a:defRPr sz="3038">
                <a:solidFill>
                  <a:schemeClr val="tx1"/>
                </a:solidFill>
              </a:defRPr>
            </a:lvl1pPr>
          </a:lstStyle>
          <a:p>
            <a:r>
              <a:rPr lang="da-DK" noProof="0"/>
              <a:t>Klik for at redigere titeltypografien i masteren</a:t>
            </a:r>
            <a:endParaRPr lang="da-DK" dirty="0"/>
          </a:p>
        </p:txBody>
      </p:sp>
      <p:sp>
        <p:nvSpPr>
          <p:cNvPr id="7" name="Date Placeholder 3">
            <a:extLst>
              <a:ext uri="{FF2B5EF4-FFF2-40B4-BE49-F238E27FC236}">
                <a16:creationId xmlns:a16="http://schemas.microsoft.com/office/drawing/2014/main" id="{7B5DA465-A5A1-E9C2-13B5-06C7FF0A0E25}"/>
              </a:ext>
            </a:extLst>
          </p:cNvPr>
          <p:cNvSpPr>
            <a:spLocks noGrp="1"/>
          </p:cNvSpPr>
          <p:nvPr>
            <p:ph type="dt" sz="half" idx="10"/>
          </p:nvPr>
        </p:nvSpPr>
        <p:spPr bwMode="white"/>
        <p:txBody>
          <a:bodyPr/>
          <a:lstStyle>
            <a:lvl1pPr>
              <a:defRPr/>
            </a:lvl1pPr>
          </a:lstStyle>
          <a:p>
            <a:pPr>
              <a:defRPr/>
            </a:pPr>
            <a:fld id="{D35E66F7-EC8F-4A55-9EC9-4BA4FF7C6AB3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8" name="Footer Placeholder 4">
            <a:extLst>
              <a:ext uri="{FF2B5EF4-FFF2-40B4-BE49-F238E27FC236}">
                <a16:creationId xmlns:a16="http://schemas.microsoft.com/office/drawing/2014/main" id="{93F73D53-73A2-1979-86EC-641AC953AAF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 bwMode="white">
          <a:xfrm>
            <a:off x="1916113" y="639763"/>
            <a:ext cx="3227387" cy="32067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9" name="Slide Number Placeholder 5">
            <a:extLst>
              <a:ext uri="{FF2B5EF4-FFF2-40B4-BE49-F238E27FC236}">
                <a16:creationId xmlns:a16="http://schemas.microsoft.com/office/drawing/2014/main" id="{382F1A02-F52A-6D8F-57BC-C5862D945B9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 bwMode="white"/>
        <p:txBody>
          <a:bodyPr/>
          <a:lstStyle>
            <a:lvl1pPr>
              <a:defRPr/>
            </a:lvl1pPr>
          </a:lstStyle>
          <a:p>
            <a:pPr>
              <a:defRPr/>
            </a:pPr>
            <a:fld id="{2CEA711D-8797-4098-AEAB-92173F5C5E83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2323329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ggrund">
            <a:extLst>
              <a:ext uri="{FF2B5EF4-FFF2-40B4-BE49-F238E27FC236}">
                <a16:creationId xmlns:a16="http://schemas.microsoft.com/office/drawing/2014/main" id="{6CCF5690-55B6-9960-AEAE-7B833DD35991}"/>
              </a:ext>
            </a:extLst>
          </p:cNvPr>
          <p:cNvSpPr/>
          <p:nvPr userDrawn="1"/>
        </p:nvSpPr>
        <p:spPr>
          <a:xfrm>
            <a:off x="0" y="0"/>
            <a:ext cx="6858000" cy="12192000"/>
          </a:xfrm>
          <a:custGeom>
            <a:avLst/>
            <a:gdLst>
              <a:gd name="connsiteX0" fmla="*/ 0 w 10572750"/>
              <a:gd name="connsiteY0" fmla="*/ 0 h 10287000"/>
              <a:gd name="connsiteX1" fmla="*/ 10572750 w 10572750"/>
              <a:gd name="connsiteY1" fmla="*/ 0 h 10287000"/>
              <a:gd name="connsiteX2" fmla="*/ 10572750 w 10572750"/>
              <a:gd name="connsiteY2" fmla="*/ 10287000 h 10287000"/>
              <a:gd name="connsiteX3" fmla="*/ 0 w 10572750"/>
              <a:gd name="connsiteY3" fmla="*/ 10287000 h 10287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572750" h="10287000">
                <a:moveTo>
                  <a:pt x="0" y="0"/>
                </a:moveTo>
                <a:lnTo>
                  <a:pt x="10572750" y="0"/>
                </a:lnTo>
                <a:lnTo>
                  <a:pt x="10572750" y="10287000"/>
                </a:lnTo>
                <a:lnTo>
                  <a:pt x="0" y="10287000"/>
                </a:lnTo>
                <a:close/>
              </a:path>
            </a:pathLst>
          </a:custGeom>
          <a:solidFill>
            <a:schemeClr val="accent2"/>
          </a:solidFill>
          <a:ln w="9525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sp>
        <p:nvSpPr>
          <p:cNvPr id="4" name="Logo">
            <a:extLst>
              <a:ext uri="{FF2B5EF4-FFF2-40B4-BE49-F238E27FC236}">
                <a16:creationId xmlns:a16="http://schemas.microsoft.com/office/drawing/2014/main" id="{7F0077DC-9762-2D01-DF08-5E857D6ACF8E}"/>
              </a:ext>
            </a:extLst>
          </p:cNvPr>
          <p:cNvSpPr/>
          <p:nvPr userDrawn="1"/>
        </p:nvSpPr>
        <p:spPr bwMode="white">
          <a:xfrm>
            <a:off x="6197600" y="639763"/>
            <a:ext cx="355600" cy="635000"/>
          </a:xfrm>
          <a:custGeom>
            <a:avLst/>
            <a:gdLst>
              <a:gd name="connsiteX0" fmla="*/ 3991223 w 5553123"/>
              <a:gd name="connsiteY0" fmla="*/ 1407246 h 3128654"/>
              <a:gd name="connsiteX1" fmla="*/ 3430346 w 5553123"/>
              <a:gd name="connsiteY1" fmla="*/ 1968030 h 3128654"/>
              <a:gd name="connsiteX2" fmla="*/ 3597555 w 5553123"/>
              <a:gd name="connsiteY2" fmla="*/ 1999879 h 3128654"/>
              <a:gd name="connsiteX3" fmla="*/ 4017277 w 5553123"/>
              <a:gd name="connsiteY3" fmla="*/ 1565700 h 3128654"/>
              <a:gd name="connsiteX4" fmla="*/ 4017243 w 5553123"/>
              <a:gd name="connsiteY4" fmla="*/ 1565803 h 3128654"/>
              <a:gd name="connsiteX5" fmla="*/ 3991223 w 5553123"/>
              <a:gd name="connsiteY5" fmla="*/ 1407246 h 3128654"/>
              <a:gd name="connsiteX6" fmla="*/ 3597692 w 5553123"/>
              <a:gd name="connsiteY6" fmla="*/ 1131487 h 3128654"/>
              <a:gd name="connsiteX7" fmla="*/ 3172031 w 5553123"/>
              <a:gd name="connsiteY7" fmla="*/ 1565700 h 3128654"/>
              <a:gd name="connsiteX8" fmla="*/ 3171997 w 5553123"/>
              <a:gd name="connsiteY8" fmla="*/ 1565803 h 3128654"/>
              <a:gd name="connsiteX9" fmla="*/ 3197296 w 5553123"/>
              <a:gd name="connsiteY9" fmla="*/ 1722061 h 3128654"/>
              <a:gd name="connsiteX10" fmla="*/ 3757830 w 5553123"/>
              <a:gd name="connsiteY10" fmla="*/ 1161723 h 3128654"/>
              <a:gd name="connsiteX11" fmla="*/ 3597692 w 5553123"/>
              <a:gd name="connsiteY11" fmla="*/ 1131487 h 3128654"/>
              <a:gd name="connsiteX12" fmla="*/ 2205438 w 5553123"/>
              <a:gd name="connsiteY12" fmla="*/ 837298 h 3128654"/>
              <a:gd name="connsiteX13" fmla="*/ 2590180 w 5553123"/>
              <a:gd name="connsiteY13" fmla="*/ 837298 h 3128654"/>
              <a:gd name="connsiteX14" fmla="*/ 2590180 w 5553123"/>
              <a:gd name="connsiteY14" fmla="*/ 2548651 h 3128654"/>
              <a:gd name="connsiteX15" fmla="*/ 2015984 w 5553123"/>
              <a:gd name="connsiteY15" fmla="*/ 3128654 h 3128654"/>
              <a:gd name="connsiteX16" fmla="*/ 1756572 w 5553123"/>
              <a:gd name="connsiteY16" fmla="*/ 3073262 h 3128654"/>
              <a:gd name="connsiteX17" fmla="*/ 1844038 w 5553123"/>
              <a:gd name="connsiteY17" fmla="*/ 2761571 h 3128654"/>
              <a:gd name="connsiteX18" fmla="*/ 1989724 w 5553123"/>
              <a:gd name="connsiteY18" fmla="*/ 2787791 h 3128654"/>
              <a:gd name="connsiteX19" fmla="*/ 2205438 w 5553123"/>
              <a:gd name="connsiteY19" fmla="*/ 2548857 h 3128654"/>
              <a:gd name="connsiteX20" fmla="*/ 4139105 w 5553123"/>
              <a:gd name="connsiteY20" fmla="*/ 780499 h 3128654"/>
              <a:gd name="connsiteX21" fmla="*/ 4378642 w 5553123"/>
              <a:gd name="connsiteY21" fmla="*/ 1020017 h 3128654"/>
              <a:gd name="connsiteX22" fmla="*/ 4263474 w 5553123"/>
              <a:gd name="connsiteY22" fmla="*/ 1135365 h 3128654"/>
              <a:gd name="connsiteX23" fmla="*/ 4390485 w 5553123"/>
              <a:gd name="connsiteY23" fmla="*/ 1565769 h 3128654"/>
              <a:gd name="connsiteX24" fmla="*/ 3597520 w 5553123"/>
              <a:gd name="connsiteY24" fmla="*/ 2335080 h 3128654"/>
              <a:gd name="connsiteX25" fmla="*/ 3173748 w 5553123"/>
              <a:gd name="connsiteY25" fmla="*/ 2224604 h 3128654"/>
              <a:gd name="connsiteX26" fmla="*/ 3050169 w 5553123"/>
              <a:gd name="connsiteY26" fmla="*/ 2348155 h 3128654"/>
              <a:gd name="connsiteX27" fmla="*/ 2810563 w 5553123"/>
              <a:gd name="connsiteY27" fmla="*/ 2108707 h 3128654"/>
              <a:gd name="connsiteX28" fmla="*/ 2925320 w 5553123"/>
              <a:gd name="connsiteY28" fmla="*/ 1993976 h 3128654"/>
              <a:gd name="connsiteX29" fmla="*/ 2798892 w 5553123"/>
              <a:gd name="connsiteY29" fmla="*/ 1565838 h 3128654"/>
              <a:gd name="connsiteX30" fmla="*/ 3597486 w 5553123"/>
              <a:gd name="connsiteY30" fmla="*/ 793644 h 3128654"/>
              <a:gd name="connsiteX31" fmla="*/ 4015526 w 5553123"/>
              <a:gd name="connsiteY31" fmla="*/ 904050 h 3128654"/>
              <a:gd name="connsiteX32" fmla="*/ 396379 w 5553123"/>
              <a:gd name="connsiteY32" fmla="*/ 435140 h 3128654"/>
              <a:gd name="connsiteX33" fmla="*/ 396379 w 5553123"/>
              <a:gd name="connsiteY33" fmla="*/ 1932956 h 3128654"/>
              <a:gd name="connsiteX34" fmla="*/ 846344 w 5553123"/>
              <a:gd name="connsiteY34" fmla="*/ 1932956 h 3128654"/>
              <a:gd name="connsiteX35" fmla="*/ 1601274 w 5553123"/>
              <a:gd name="connsiteY35" fmla="*/ 1184065 h 3128654"/>
              <a:gd name="connsiteX36" fmla="*/ 846344 w 5553123"/>
              <a:gd name="connsiteY36" fmla="*/ 435140 h 3128654"/>
              <a:gd name="connsiteX37" fmla="*/ 0 w 5553123"/>
              <a:gd name="connsiteY37" fmla="*/ 76739 h 3128654"/>
              <a:gd name="connsiteX38" fmla="*/ 820049 w 5553123"/>
              <a:gd name="connsiteY38" fmla="*/ 76739 h 3128654"/>
              <a:gd name="connsiteX39" fmla="*/ 2000502 w 5553123"/>
              <a:gd name="connsiteY39" fmla="*/ 1184065 h 3128654"/>
              <a:gd name="connsiteX40" fmla="*/ 820049 w 5553123"/>
              <a:gd name="connsiteY40" fmla="*/ 2291391 h 3128654"/>
              <a:gd name="connsiteX41" fmla="*/ 0 w 5553123"/>
              <a:gd name="connsiteY41" fmla="*/ 2291391 h 3128654"/>
              <a:gd name="connsiteX42" fmla="*/ 5214998 w 5553123"/>
              <a:gd name="connsiteY42" fmla="*/ 0 h 3128654"/>
              <a:gd name="connsiteX43" fmla="*/ 5474410 w 5553123"/>
              <a:gd name="connsiteY43" fmla="*/ 55393 h 3128654"/>
              <a:gd name="connsiteX44" fmla="*/ 5386944 w 5553123"/>
              <a:gd name="connsiteY44" fmla="*/ 367187 h 3128654"/>
              <a:gd name="connsiteX45" fmla="*/ 5241258 w 5553123"/>
              <a:gd name="connsiteY45" fmla="*/ 340932 h 3128654"/>
              <a:gd name="connsiteX46" fmla="*/ 5025544 w 5553123"/>
              <a:gd name="connsiteY46" fmla="*/ 579901 h 3128654"/>
              <a:gd name="connsiteX47" fmla="*/ 5025544 w 5553123"/>
              <a:gd name="connsiteY47" fmla="*/ 837299 h 3128654"/>
              <a:gd name="connsiteX48" fmla="*/ 5553123 w 5553123"/>
              <a:gd name="connsiteY48" fmla="*/ 837402 h 3128654"/>
              <a:gd name="connsiteX49" fmla="*/ 5553123 w 5553123"/>
              <a:gd name="connsiteY49" fmla="*/ 1152113 h 3128654"/>
              <a:gd name="connsiteX50" fmla="*/ 5025544 w 5553123"/>
              <a:gd name="connsiteY50" fmla="*/ 1152113 h 3128654"/>
              <a:gd name="connsiteX51" fmla="*/ 5025544 w 5553123"/>
              <a:gd name="connsiteY51" fmla="*/ 2291528 h 3128654"/>
              <a:gd name="connsiteX52" fmla="*/ 4640802 w 5553123"/>
              <a:gd name="connsiteY52" fmla="*/ 2291528 h 3128654"/>
              <a:gd name="connsiteX53" fmla="*/ 4640802 w 5553123"/>
              <a:gd name="connsiteY53" fmla="*/ 1152113 h 3128654"/>
              <a:gd name="connsiteX54" fmla="*/ 4423612 w 5553123"/>
              <a:gd name="connsiteY54" fmla="*/ 1152113 h 3128654"/>
              <a:gd name="connsiteX55" fmla="*/ 4423612 w 5553123"/>
              <a:gd name="connsiteY55" fmla="*/ 837402 h 3128654"/>
              <a:gd name="connsiteX56" fmla="*/ 4640802 w 5553123"/>
              <a:gd name="connsiteY56" fmla="*/ 837402 h 3128654"/>
              <a:gd name="connsiteX57" fmla="*/ 4640802 w 5553123"/>
              <a:gd name="connsiteY57" fmla="*/ 580004 h 3128654"/>
              <a:gd name="connsiteX58" fmla="*/ 5214998 w 5553123"/>
              <a:gd name="connsiteY58" fmla="*/ 0 h 31286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5553123" h="3128654">
                <a:moveTo>
                  <a:pt x="3991223" y="1407246"/>
                </a:moveTo>
                <a:lnTo>
                  <a:pt x="3430346" y="1968030"/>
                </a:lnTo>
                <a:cubicBezTo>
                  <a:pt x="3483553" y="1989213"/>
                  <a:pt x="3540297" y="2000023"/>
                  <a:pt x="3597555" y="1999879"/>
                </a:cubicBezTo>
                <a:cubicBezTo>
                  <a:pt x="3819070" y="1999879"/>
                  <a:pt x="4017277" y="1836826"/>
                  <a:pt x="4017277" y="1565700"/>
                </a:cubicBezTo>
                <a:lnTo>
                  <a:pt x="4017243" y="1565803"/>
                </a:lnTo>
                <a:cubicBezTo>
                  <a:pt x="4017518" y="1511866"/>
                  <a:pt x="4008729" y="1458269"/>
                  <a:pt x="3991223" y="1407246"/>
                </a:cubicBezTo>
                <a:close/>
                <a:moveTo>
                  <a:pt x="3597692" y="1131487"/>
                </a:moveTo>
                <a:cubicBezTo>
                  <a:pt x="3370204" y="1131487"/>
                  <a:pt x="3172031" y="1294574"/>
                  <a:pt x="3172031" y="1565700"/>
                </a:cubicBezTo>
                <a:lnTo>
                  <a:pt x="3171997" y="1565803"/>
                </a:lnTo>
                <a:cubicBezTo>
                  <a:pt x="3171757" y="1618927"/>
                  <a:pt x="3180304" y="1671724"/>
                  <a:pt x="3197296" y="1722061"/>
                </a:cubicBezTo>
                <a:lnTo>
                  <a:pt x="3757830" y="1161723"/>
                </a:lnTo>
                <a:cubicBezTo>
                  <a:pt x="3706819" y="1141649"/>
                  <a:pt x="3652513" y="1131391"/>
                  <a:pt x="3597692" y="1131487"/>
                </a:cubicBezTo>
                <a:close/>
                <a:moveTo>
                  <a:pt x="2205438" y="837298"/>
                </a:moveTo>
                <a:lnTo>
                  <a:pt x="2590180" y="837298"/>
                </a:lnTo>
                <a:lnTo>
                  <a:pt x="2590180" y="2548651"/>
                </a:lnTo>
                <a:cubicBezTo>
                  <a:pt x="2590180" y="2895520"/>
                  <a:pt x="2359911" y="3128654"/>
                  <a:pt x="2015984" y="3128654"/>
                </a:cubicBezTo>
                <a:cubicBezTo>
                  <a:pt x="1922717" y="3128654"/>
                  <a:pt x="1838202" y="3111014"/>
                  <a:pt x="1756572" y="3073262"/>
                </a:cubicBezTo>
                <a:lnTo>
                  <a:pt x="1844038" y="2761571"/>
                </a:lnTo>
                <a:cubicBezTo>
                  <a:pt x="1896456" y="2779074"/>
                  <a:pt x="1948909" y="2787791"/>
                  <a:pt x="1989724" y="2787791"/>
                </a:cubicBezTo>
                <a:cubicBezTo>
                  <a:pt x="2118006" y="2787791"/>
                  <a:pt x="2205438" y="2691627"/>
                  <a:pt x="2205438" y="2548857"/>
                </a:cubicBezTo>
                <a:close/>
                <a:moveTo>
                  <a:pt x="4139105" y="780499"/>
                </a:moveTo>
                <a:lnTo>
                  <a:pt x="4378642" y="1020017"/>
                </a:lnTo>
                <a:lnTo>
                  <a:pt x="4263474" y="1135365"/>
                </a:lnTo>
                <a:cubicBezTo>
                  <a:pt x="4343457" y="1255038"/>
                  <a:pt x="4390485" y="1401034"/>
                  <a:pt x="4390485" y="1565769"/>
                </a:cubicBezTo>
                <a:cubicBezTo>
                  <a:pt x="4390485" y="2023285"/>
                  <a:pt x="4028880" y="2335080"/>
                  <a:pt x="3597520" y="2335080"/>
                </a:cubicBezTo>
                <a:cubicBezTo>
                  <a:pt x="3442429" y="2335080"/>
                  <a:pt x="3296983" y="2295681"/>
                  <a:pt x="3173748" y="2224604"/>
                </a:cubicBezTo>
                <a:lnTo>
                  <a:pt x="3050169" y="2348155"/>
                </a:lnTo>
                <a:lnTo>
                  <a:pt x="2810563" y="2108707"/>
                </a:lnTo>
                <a:lnTo>
                  <a:pt x="2925320" y="1993976"/>
                </a:lnTo>
                <a:cubicBezTo>
                  <a:pt x="2845543" y="1875058"/>
                  <a:pt x="2798892" y="1729886"/>
                  <a:pt x="2798892" y="1565838"/>
                </a:cubicBezTo>
                <a:cubicBezTo>
                  <a:pt x="2798892" y="1108390"/>
                  <a:pt x="3160291" y="793644"/>
                  <a:pt x="3597486" y="793644"/>
                </a:cubicBezTo>
                <a:cubicBezTo>
                  <a:pt x="3749866" y="793644"/>
                  <a:pt x="3893424" y="833077"/>
                  <a:pt x="4015526" y="904050"/>
                </a:cubicBezTo>
                <a:close/>
                <a:moveTo>
                  <a:pt x="396379" y="435140"/>
                </a:moveTo>
                <a:lnTo>
                  <a:pt x="396379" y="1932956"/>
                </a:lnTo>
                <a:lnTo>
                  <a:pt x="846344" y="1932956"/>
                </a:lnTo>
                <a:cubicBezTo>
                  <a:pt x="1298059" y="1932956"/>
                  <a:pt x="1601274" y="1632830"/>
                  <a:pt x="1601274" y="1184065"/>
                </a:cubicBezTo>
                <a:cubicBezTo>
                  <a:pt x="1601274" y="735300"/>
                  <a:pt x="1298128" y="435140"/>
                  <a:pt x="846344" y="435140"/>
                </a:cubicBezTo>
                <a:close/>
                <a:moveTo>
                  <a:pt x="0" y="76739"/>
                </a:moveTo>
                <a:lnTo>
                  <a:pt x="820049" y="76739"/>
                </a:lnTo>
                <a:cubicBezTo>
                  <a:pt x="1528328" y="76739"/>
                  <a:pt x="2000502" y="519670"/>
                  <a:pt x="2000502" y="1184065"/>
                </a:cubicBezTo>
                <a:cubicBezTo>
                  <a:pt x="2000502" y="1848460"/>
                  <a:pt x="1528328" y="2291391"/>
                  <a:pt x="820049" y="2291391"/>
                </a:cubicBezTo>
                <a:lnTo>
                  <a:pt x="0" y="2291391"/>
                </a:lnTo>
                <a:close/>
                <a:moveTo>
                  <a:pt x="5214998" y="0"/>
                </a:moveTo>
                <a:cubicBezTo>
                  <a:pt x="5308265" y="0"/>
                  <a:pt x="5392780" y="17641"/>
                  <a:pt x="5474410" y="55393"/>
                </a:cubicBezTo>
                <a:lnTo>
                  <a:pt x="5386944" y="367187"/>
                </a:lnTo>
                <a:cubicBezTo>
                  <a:pt x="5334526" y="349684"/>
                  <a:pt x="5282074" y="340932"/>
                  <a:pt x="5241258" y="340932"/>
                </a:cubicBezTo>
                <a:cubicBezTo>
                  <a:pt x="5112976" y="340932"/>
                  <a:pt x="5025544" y="437131"/>
                  <a:pt x="5025544" y="579901"/>
                </a:cubicBezTo>
                <a:lnTo>
                  <a:pt x="5025544" y="837299"/>
                </a:lnTo>
                <a:lnTo>
                  <a:pt x="5553123" y="837402"/>
                </a:lnTo>
                <a:lnTo>
                  <a:pt x="5553123" y="1152113"/>
                </a:lnTo>
                <a:lnTo>
                  <a:pt x="5025544" y="1152113"/>
                </a:lnTo>
                <a:lnTo>
                  <a:pt x="5025544" y="2291528"/>
                </a:lnTo>
                <a:lnTo>
                  <a:pt x="4640802" y="2291528"/>
                </a:lnTo>
                <a:lnTo>
                  <a:pt x="4640802" y="1152113"/>
                </a:lnTo>
                <a:lnTo>
                  <a:pt x="4423612" y="1152113"/>
                </a:lnTo>
                <a:lnTo>
                  <a:pt x="4423612" y="837402"/>
                </a:lnTo>
                <a:lnTo>
                  <a:pt x="4640802" y="837402"/>
                </a:lnTo>
                <a:lnTo>
                  <a:pt x="4640802" y="580004"/>
                </a:lnTo>
                <a:cubicBezTo>
                  <a:pt x="4640802" y="233134"/>
                  <a:pt x="4871070" y="0"/>
                  <a:pt x="5214998" y="0"/>
                </a:cubicBezTo>
                <a:close/>
              </a:path>
            </a:pathLst>
          </a:custGeom>
          <a:solidFill>
            <a:srgbClr val="FFFFFF"/>
          </a:solidFill>
          <a:ln w="3432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grpSp>
        <p:nvGrpSpPr>
          <p:cNvPr id="5" name="Group 2">
            <a:extLst>
              <a:ext uri="{FF2B5EF4-FFF2-40B4-BE49-F238E27FC236}">
                <a16:creationId xmlns:a16="http://schemas.microsoft.com/office/drawing/2014/main" id="{312D6E36-98FB-AFDD-47FF-1A54ED897439}"/>
              </a:ext>
            </a:extLst>
          </p:cNvPr>
          <p:cNvGrpSpPr/>
          <p:nvPr userDrawn="1"/>
        </p:nvGrpSpPr>
        <p:grpSpPr>
          <a:xfrm rot="5400000">
            <a:off x="3303724" y="8637729"/>
            <a:ext cx="6137570" cy="970982"/>
            <a:chOff x="3408363" y="4698000"/>
            <a:chExt cx="4320001" cy="2160000"/>
          </a:xfrm>
          <a:solidFill>
            <a:schemeClr val="accent1"/>
          </a:solidFill>
        </p:grpSpPr>
        <p:sp>
          <p:nvSpPr>
            <p:cNvPr id="6" name="Rectangle 3">
              <a:extLst>
                <a:ext uri="{FF2B5EF4-FFF2-40B4-BE49-F238E27FC236}">
                  <a16:creationId xmlns:a16="http://schemas.microsoft.com/office/drawing/2014/main" id="{7876240E-1290-38D5-B922-2DA977F2493A}"/>
                </a:ext>
              </a:extLst>
            </p:cNvPr>
            <p:cNvSpPr/>
            <p:nvPr/>
          </p:nvSpPr>
          <p:spPr>
            <a:xfrm rot="10800000">
              <a:off x="3408363" y="4698000"/>
              <a:ext cx="2160000" cy="21600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anchor="ctr"/>
            <a:lstStyle/>
            <a:p>
              <a:pPr algn="ctr" eaLnBrk="1" fontAlgn="auto" hangingPunct="1">
                <a:spcBef>
                  <a:spcPts val="0"/>
                </a:spcBef>
                <a:spcAft>
                  <a:spcPts val="0"/>
                </a:spcAft>
                <a:defRPr/>
              </a:pPr>
              <a:endParaRPr lang="da-DK" sz="900" dirty="0"/>
            </a:p>
          </p:txBody>
        </p:sp>
        <p:sp>
          <p:nvSpPr>
            <p:cNvPr id="7" name="Oval 5">
              <a:extLst>
                <a:ext uri="{FF2B5EF4-FFF2-40B4-BE49-F238E27FC236}">
                  <a16:creationId xmlns:a16="http://schemas.microsoft.com/office/drawing/2014/main" id="{70756AD0-A811-CB89-9453-3BDC00F3427F}"/>
                </a:ext>
              </a:extLst>
            </p:cNvPr>
            <p:cNvSpPr/>
            <p:nvPr/>
          </p:nvSpPr>
          <p:spPr>
            <a:xfrm rot="10800000">
              <a:off x="5568364" y="4698000"/>
              <a:ext cx="2160000" cy="2160000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anchor="ctr"/>
            <a:lstStyle/>
            <a:p>
              <a:pPr algn="ctr" eaLnBrk="1" fontAlgn="auto" hangingPunct="1">
                <a:spcBef>
                  <a:spcPts val="0"/>
                </a:spcBef>
                <a:spcAft>
                  <a:spcPts val="0"/>
                </a:spcAft>
                <a:defRPr/>
              </a:pPr>
              <a:endParaRPr lang="da-DK" sz="900" dirty="0"/>
            </a:p>
          </p:txBody>
        </p:sp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 bwMode="white">
          <a:xfrm>
            <a:off x="1916311" y="3812821"/>
            <a:ext cx="3562053" cy="4448000"/>
          </a:xfrm>
        </p:spPr>
        <p:txBody>
          <a:bodyPr/>
          <a:lstStyle>
            <a:lvl1pPr algn="l">
              <a:defRPr sz="3038">
                <a:solidFill>
                  <a:schemeClr val="tx1"/>
                </a:solidFill>
              </a:defRPr>
            </a:lvl1pPr>
          </a:lstStyle>
          <a:p>
            <a:pPr lvl="0"/>
            <a:r>
              <a:rPr lang="da-DK" noProof="0"/>
              <a:t>Klik for at redigere titeltypografien i masteren</a:t>
            </a:r>
            <a:endParaRPr lang="da-DK" dirty="0"/>
          </a:p>
        </p:txBody>
      </p:sp>
      <p:sp>
        <p:nvSpPr>
          <p:cNvPr id="8" name="Date Placeholder 3">
            <a:extLst>
              <a:ext uri="{FF2B5EF4-FFF2-40B4-BE49-F238E27FC236}">
                <a16:creationId xmlns:a16="http://schemas.microsoft.com/office/drawing/2014/main" id="{F54BDD50-2B28-DD90-627C-1747C1C0C794}"/>
              </a:ext>
            </a:extLst>
          </p:cNvPr>
          <p:cNvSpPr>
            <a:spLocks noGrp="1"/>
          </p:cNvSpPr>
          <p:nvPr>
            <p:ph type="dt" sz="half" idx="10"/>
          </p:nvPr>
        </p:nvSpPr>
        <p:spPr bwMode="white"/>
        <p:txBody>
          <a:bodyPr/>
          <a:lstStyle>
            <a:lvl1pPr>
              <a:defRPr/>
            </a:lvl1pPr>
          </a:lstStyle>
          <a:p>
            <a:pPr>
              <a:defRPr/>
            </a:pPr>
            <a:fld id="{3FA6747B-2AE2-4377-9AA9-E1F8A049E48B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9" name="Footer Placeholder 4">
            <a:extLst>
              <a:ext uri="{FF2B5EF4-FFF2-40B4-BE49-F238E27FC236}">
                <a16:creationId xmlns:a16="http://schemas.microsoft.com/office/drawing/2014/main" id="{BA09AEE0-F251-A520-F91D-A5B58A43AFE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 bwMode="white"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10" name="Slide Number Placeholder 5">
            <a:extLst>
              <a:ext uri="{FF2B5EF4-FFF2-40B4-BE49-F238E27FC236}">
                <a16:creationId xmlns:a16="http://schemas.microsoft.com/office/drawing/2014/main" id="{770A98DC-C53D-C601-A478-9E832F2125C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 bwMode="white"/>
        <p:txBody>
          <a:bodyPr/>
          <a:lstStyle>
            <a:lvl1pPr>
              <a:defRPr/>
            </a:lvl1pPr>
          </a:lstStyle>
          <a:p>
            <a:pPr>
              <a:defRPr/>
            </a:pPr>
            <a:fld id="{5A79E234-20C9-40F2-A3BA-02C20358CC9E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04829160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9">
            <a:extLst>
              <a:ext uri="{FF2B5EF4-FFF2-40B4-BE49-F238E27FC236}">
                <a16:creationId xmlns:a16="http://schemas.microsoft.com/office/drawing/2014/main" id="{7251FA47-FC05-1C19-D88F-404B849842A0}"/>
              </a:ext>
            </a:extLst>
          </p:cNvPr>
          <p:cNvSpPr/>
          <p:nvPr userDrawn="1"/>
        </p:nvSpPr>
        <p:spPr>
          <a:xfrm>
            <a:off x="0" y="0"/>
            <a:ext cx="6858000" cy="121920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20250" rIns="40500" bIns="2025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125" dirty="0"/>
          </a:p>
        </p:txBody>
      </p:sp>
      <p:sp>
        <p:nvSpPr>
          <p:cNvPr id="4" name="Freeform: Shape 8">
            <a:extLst>
              <a:ext uri="{FF2B5EF4-FFF2-40B4-BE49-F238E27FC236}">
                <a16:creationId xmlns:a16="http://schemas.microsoft.com/office/drawing/2014/main" id="{CB28E896-4CBC-0E66-CD37-3D8B9F601274}"/>
              </a:ext>
            </a:extLst>
          </p:cNvPr>
          <p:cNvSpPr/>
          <p:nvPr userDrawn="1"/>
        </p:nvSpPr>
        <p:spPr>
          <a:xfrm>
            <a:off x="6197600" y="639763"/>
            <a:ext cx="355600" cy="635000"/>
          </a:xfrm>
          <a:custGeom>
            <a:avLst/>
            <a:gdLst>
              <a:gd name="connsiteX0" fmla="*/ 3991223 w 5553123"/>
              <a:gd name="connsiteY0" fmla="*/ 1407246 h 3128654"/>
              <a:gd name="connsiteX1" fmla="*/ 3430346 w 5553123"/>
              <a:gd name="connsiteY1" fmla="*/ 1968030 h 3128654"/>
              <a:gd name="connsiteX2" fmla="*/ 3597555 w 5553123"/>
              <a:gd name="connsiteY2" fmla="*/ 1999879 h 3128654"/>
              <a:gd name="connsiteX3" fmla="*/ 4017277 w 5553123"/>
              <a:gd name="connsiteY3" fmla="*/ 1565700 h 3128654"/>
              <a:gd name="connsiteX4" fmla="*/ 4017243 w 5553123"/>
              <a:gd name="connsiteY4" fmla="*/ 1565803 h 3128654"/>
              <a:gd name="connsiteX5" fmla="*/ 3991223 w 5553123"/>
              <a:gd name="connsiteY5" fmla="*/ 1407246 h 3128654"/>
              <a:gd name="connsiteX6" fmla="*/ 3597692 w 5553123"/>
              <a:gd name="connsiteY6" fmla="*/ 1131487 h 3128654"/>
              <a:gd name="connsiteX7" fmla="*/ 3172031 w 5553123"/>
              <a:gd name="connsiteY7" fmla="*/ 1565700 h 3128654"/>
              <a:gd name="connsiteX8" fmla="*/ 3171997 w 5553123"/>
              <a:gd name="connsiteY8" fmla="*/ 1565803 h 3128654"/>
              <a:gd name="connsiteX9" fmla="*/ 3197296 w 5553123"/>
              <a:gd name="connsiteY9" fmla="*/ 1722061 h 3128654"/>
              <a:gd name="connsiteX10" fmla="*/ 3757830 w 5553123"/>
              <a:gd name="connsiteY10" fmla="*/ 1161723 h 3128654"/>
              <a:gd name="connsiteX11" fmla="*/ 3597692 w 5553123"/>
              <a:gd name="connsiteY11" fmla="*/ 1131487 h 3128654"/>
              <a:gd name="connsiteX12" fmla="*/ 2205438 w 5553123"/>
              <a:gd name="connsiteY12" fmla="*/ 837298 h 3128654"/>
              <a:gd name="connsiteX13" fmla="*/ 2590180 w 5553123"/>
              <a:gd name="connsiteY13" fmla="*/ 837298 h 3128654"/>
              <a:gd name="connsiteX14" fmla="*/ 2590180 w 5553123"/>
              <a:gd name="connsiteY14" fmla="*/ 2548651 h 3128654"/>
              <a:gd name="connsiteX15" fmla="*/ 2015984 w 5553123"/>
              <a:gd name="connsiteY15" fmla="*/ 3128654 h 3128654"/>
              <a:gd name="connsiteX16" fmla="*/ 1756572 w 5553123"/>
              <a:gd name="connsiteY16" fmla="*/ 3073262 h 3128654"/>
              <a:gd name="connsiteX17" fmla="*/ 1844038 w 5553123"/>
              <a:gd name="connsiteY17" fmla="*/ 2761571 h 3128654"/>
              <a:gd name="connsiteX18" fmla="*/ 1989724 w 5553123"/>
              <a:gd name="connsiteY18" fmla="*/ 2787791 h 3128654"/>
              <a:gd name="connsiteX19" fmla="*/ 2205438 w 5553123"/>
              <a:gd name="connsiteY19" fmla="*/ 2548857 h 3128654"/>
              <a:gd name="connsiteX20" fmla="*/ 4139105 w 5553123"/>
              <a:gd name="connsiteY20" fmla="*/ 780499 h 3128654"/>
              <a:gd name="connsiteX21" fmla="*/ 4378642 w 5553123"/>
              <a:gd name="connsiteY21" fmla="*/ 1020017 h 3128654"/>
              <a:gd name="connsiteX22" fmla="*/ 4263474 w 5553123"/>
              <a:gd name="connsiteY22" fmla="*/ 1135365 h 3128654"/>
              <a:gd name="connsiteX23" fmla="*/ 4390485 w 5553123"/>
              <a:gd name="connsiteY23" fmla="*/ 1565769 h 3128654"/>
              <a:gd name="connsiteX24" fmla="*/ 3597520 w 5553123"/>
              <a:gd name="connsiteY24" fmla="*/ 2335080 h 3128654"/>
              <a:gd name="connsiteX25" fmla="*/ 3173748 w 5553123"/>
              <a:gd name="connsiteY25" fmla="*/ 2224604 h 3128654"/>
              <a:gd name="connsiteX26" fmla="*/ 3050169 w 5553123"/>
              <a:gd name="connsiteY26" fmla="*/ 2348155 h 3128654"/>
              <a:gd name="connsiteX27" fmla="*/ 2810563 w 5553123"/>
              <a:gd name="connsiteY27" fmla="*/ 2108707 h 3128654"/>
              <a:gd name="connsiteX28" fmla="*/ 2925320 w 5553123"/>
              <a:gd name="connsiteY28" fmla="*/ 1993976 h 3128654"/>
              <a:gd name="connsiteX29" fmla="*/ 2798892 w 5553123"/>
              <a:gd name="connsiteY29" fmla="*/ 1565838 h 3128654"/>
              <a:gd name="connsiteX30" fmla="*/ 3597486 w 5553123"/>
              <a:gd name="connsiteY30" fmla="*/ 793644 h 3128654"/>
              <a:gd name="connsiteX31" fmla="*/ 4015526 w 5553123"/>
              <a:gd name="connsiteY31" fmla="*/ 904050 h 3128654"/>
              <a:gd name="connsiteX32" fmla="*/ 396379 w 5553123"/>
              <a:gd name="connsiteY32" fmla="*/ 435140 h 3128654"/>
              <a:gd name="connsiteX33" fmla="*/ 396379 w 5553123"/>
              <a:gd name="connsiteY33" fmla="*/ 1932956 h 3128654"/>
              <a:gd name="connsiteX34" fmla="*/ 846344 w 5553123"/>
              <a:gd name="connsiteY34" fmla="*/ 1932956 h 3128654"/>
              <a:gd name="connsiteX35" fmla="*/ 1601274 w 5553123"/>
              <a:gd name="connsiteY35" fmla="*/ 1184065 h 3128654"/>
              <a:gd name="connsiteX36" fmla="*/ 846344 w 5553123"/>
              <a:gd name="connsiteY36" fmla="*/ 435140 h 3128654"/>
              <a:gd name="connsiteX37" fmla="*/ 0 w 5553123"/>
              <a:gd name="connsiteY37" fmla="*/ 76739 h 3128654"/>
              <a:gd name="connsiteX38" fmla="*/ 820049 w 5553123"/>
              <a:gd name="connsiteY38" fmla="*/ 76739 h 3128654"/>
              <a:gd name="connsiteX39" fmla="*/ 2000502 w 5553123"/>
              <a:gd name="connsiteY39" fmla="*/ 1184065 h 3128654"/>
              <a:gd name="connsiteX40" fmla="*/ 820049 w 5553123"/>
              <a:gd name="connsiteY40" fmla="*/ 2291391 h 3128654"/>
              <a:gd name="connsiteX41" fmla="*/ 0 w 5553123"/>
              <a:gd name="connsiteY41" fmla="*/ 2291391 h 3128654"/>
              <a:gd name="connsiteX42" fmla="*/ 5214998 w 5553123"/>
              <a:gd name="connsiteY42" fmla="*/ 0 h 3128654"/>
              <a:gd name="connsiteX43" fmla="*/ 5474410 w 5553123"/>
              <a:gd name="connsiteY43" fmla="*/ 55393 h 3128654"/>
              <a:gd name="connsiteX44" fmla="*/ 5386944 w 5553123"/>
              <a:gd name="connsiteY44" fmla="*/ 367187 h 3128654"/>
              <a:gd name="connsiteX45" fmla="*/ 5241258 w 5553123"/>
              <a:gd name="connsiteY45" fmla="*/ 340932 h 3128654"/>
              <a:gd name="connsiteX46" fmla="*/ 5025544 w 5553123"/>
              <a:gd name="connsiteY46" fmla="*/ 579901 h 3128654"/>
              <a:gd name="connsiteX47" fmla="*/ 5025544 w 5553123"/>
              <a:gd name="connsiteY47" fmla="*/ 837299 h 3128654"/>
              <a:gd name="connsiteX48" fmla="*/ 5553123 w 5553123"/>
              <a:gd name="connsiteY48" fmla="*/ 837402 h 3128654"/>
              <a:gd name="connsiteX49" fmla="*/ 5553123 w 5553123"/>
              <a:gd name="connsiteY49" fmla="*/ 1152113 h 3128654"/>
              <a:gd name="connsiteX50" fmla="*/ 5025544 w 5553123"/>
              <a:gd name="connsiteY50" fmla="*/ 1152113 h 3128654"/>
              <a:gd name="connsiteX51" fmla="*/ 5025544 w 5553123"/>
              <a:gd name="connsiteY51" fmla="*/ 2291528 h 3128654"/>
              <a:gd name="connsiteX52" fmla="*/ 4640802 w 5553123"/>
              <a:gd name="connsiteY52" fmla="*/ 2291528 h 3128654"/>
              <a:gd name="connsiteX53" fmla="*/ 4640802 w 5553123"/>
              <a:gd name="connsiteY53" fmla="*/ 1152113 h 3128654"/>
              <a:gd name="connsiteX54" fmla="*/ 4423612 w 5553123"/>
              <a:gd name="connsiteY54" fmla="*/ 1152113 h 3128654"/>
              <a:gd name="connsiteX55" fmla="*/ 4423612 w 5553123"/>
              <a:gd name="connsiteY55" fmla="*/ 837402 h 3128654"/>
              <a:gd name="connsiteX56" fmla="*/ 4640802 w 5553123"/>
              <a:gd name="connsiteY56" fmla="*/ 837402 h 3128654"/>
              <a:gd name="connsiteX57" fmla="*/ 4640802 w 5553123"/>
              <a:gd name="connsiteY57" fmla="*/ 580004 h 3128654"/>
              <a:gd name="connsiteX58" fmla="*/ 5214998 w 5553123"/>
              <a:gd name="connsiteY58" fmla="*/ 0 h 31286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5553123" h="3128654">
                <a:moveTo>
                  <a:pt x="3991223" y="1407246"/>
                </a:moveTo>
                <a:lnTo>
                  <a:pt x="3430346" y="1968030"/>
                </a:lnTo>
                <a:cubicBezTo>
                  <a:pt x="3483553" y="1989213"/>
                  <a:pt x="3540297" y="2000023"/>
                  <a:pt x="3597555" y="1999879"/>
                </a:cubicBezTo>
                <a:cubicBezTo>
                  <a:pt x="3819070" y="1999879"/>
                  <a:pt x="4017277" y="1836826"/>
                  <a:pt x="4017277" y="1565700"/>
                </a:cubicBezTo>
                <a:lnTo>
                  <a:pt x="4017243" y="1565803"/>
                </a:lnTo>
                <a:cubicBezTo>
                  <a:pt x="4017518" y="1511866"/>
                  <a:pt x="4008729" y="1458269"/>
                  <a:pt x="3991223" y="1407246"/>
                </a:cubicBezTo>
                <a:close/>
                <a:moveTo>
                  <a:pt x="3597692" y="1131487"/>
                </a:moveTo>
                <a:cubicBezTo>
                  <a:pt x="3370204" y="1131487"/>
                  <a:pt x="3172031" y="1294574"/>
                  <a:pt x="3172031" y="1565700"/>
                </a:cubicBezTo>
                <a:lnTo>
                  <a:pt x="3171997" y="1565803"/>
                </a:lnTo>
                <a:cubicBezTo>
                  <a:pt x="3171757" y="1618927"/>
                  <a:pt x="3180304" y="1671724"/>
                  <a:pt x="3197296" y="1722061"/>
                </a:cubicBezTo>
                <a:lnTo>
                  <a:pt x="3757830" y="1161723"/>
                </a:lnTo>
                <a:cubicBezTo>
                  <a:pt x="3706819" y="1141649"/>
                  <a:pt x="3652513" y="1131391"/>
                  <a:pt x="3597692" y="1131487"/>
                </a:cubicBezTo>
                <a:close/>
                <a:moveTo>
                  <a:pt x="2205438" y="837298"/>
                </a:moveTo>
                <a:lnTo>
                  <a:pt x="2590180" y="837298"/>
                </a:lnTo>
                <a:lnTo>
                  <a:pt x="2590180" y="2548651"/>
                </a:lnTo>
                <a:cubicBezTo>
                  <a:pt x="2590180" y="2895520"/>
                  <a:pt x="2359911" y="3128654"/>
                  <a:pt x="2015984" y="3128654"/>
                </a:cubicBezTo>
                <a:cubicBezTo>
                  <a:pt x="1922717" y="3128654"/>
                  <a:pt x="1838202" y="3111014"/>
                  <a:pt x="1756572" y="3073262"/>
                </a:cubicBezTo>
                <a:lnTo>
                  <a:pt x="1844038" y="2761571"/>
                </a:lnTo>
                <a:cubicBezTo>
                  <a:pt x="1896456" y="2779074"/>
                  <a:pt x="1948909" y="2787791"/>
                  <a:pt x="1989724" y="2787791"/>
                </a:cubicBezTo>
                <a:cubicBezTo>
                  <a:pt x="2118006" y="2787791"/>
                  <a:pt x="2205438" y="2691627"/>
                  <a:pt x="2205438" y="2548857"/>
                </a:cubicBezTo>
                <a:close/>
                <a:moveTo>
                  <a:pt x="4139105" y="780499"/>
                </a:moveTo>
                <a:lnTo>
                  <a:pt x="4378642" y="1020017"/>
                </a:lnTo>
                <a:lnTo>
                  <a:pt x="4263474" y="1135365"/>
                </a:lnTo>
                <a:cubicBezTo>
                  <a:pt x="4343457" y="1255038"/>
                  <a:pt x="4390485" y="1401034"/>
                  <a:pt x="4390485" y="1565769"/>
                </a:cubicBezTo>
                <a:cubicBezTo>
                  <a:pt x="4390485" y="2023285"/>
                  <a:pt x="4028880" y="2335080"/>
                  <a:pt x="3597520" y="2335080"/>
                </a:cubicBezTo>
                <a:cubicBezTo>
                  <a:pt x="3442429" y="2335080"/>
                  <a:pt x="3296983" y="2295681"/>
                  <a:pt x="3173748" y="2224604"/>
                </a:cubicBezTo>
                <a:lnTo>
                  <a:pt x="3050169" y="2348155"/>
                </a:lnTo>
                <a:lnTo>
                  <a:pt x="2810563" y="2108707"/>
                </a:lnTo>
                <a:lnTo>
                  <a:pt x="2925320" y="1993976"/>
                </a:lnTo>
                <a:cubicBezTo>
                  <a:pt x="2845543" y="1875058"/>
                  <a:pt x="2798892" y="1729886"/>
                  <a:pt x="2798892" y="1565838"/>
                </a:cubicBezTo>
                <a:cubicBezTo>
                  <a:pt x="2798892" y="1108390"/>
                  <a:pt x="3160291" y="793644"/>
                  <a:pt x="3597486" y="793644"/>
                </a:cubicBezTo>
                <a:cubicBezTo>
                  <a:pt x="3749866" y="793644"/>
                  <a:pt x="3893424" y="833077"/>
                  <a:pt x="4015526" y="904050"/>
                </a:cubicBezTo>
                <a:close/>
                <a:moveTo>
                  <a:pt x="396379" y="435140"/>
                </a:moveTo>
                <a:lnTo>
                  <a:pt x="396379" y="1932956"/>
                </a:lnTo>
                <a:lnTo>
                  <a:pt x="846344" y="1932956"/>
                </a:lnTo>
                <a:cubicBezTo>
                  <a:pt x="1298059" y="1932956"/>
                  <a:pt x="1601274" y="1632830"/>
                  <a:pt x="1601274" y="1184065"/>
                </a:cubicBezTo>
                <a:cubicBezTo>
                  <a:pt x="1601274" y="735300"/>
                  <a:pt x="1298128" y="435140"/>
                  <a:pt x="846344" y="435140"/>
                </a:cubicBezTo>
                <a:close/>
                <a:moveTo>
                  <a:pt x="0" y="76739"/>
                </a:moveTo>
                <a:lnTo>
                  <a:pt x="820049" y="76739"/>
                </a:lnTo>
                <a:cubicBezTo>
                  <a:pt x="1528328" y="76739"/>
                  <a:pt x="2000502" y="519670"/>
                  <a:pt x="2000502" y="1184065"/>
                </a:cubicBezTo>
                <a:cubicBezTo>
                  <a:pt x="2000502" y="1848460"/>
                  <a:pt x="1528328" y="2291391"/>
                  <a:pt x="820049" y="2291391"/>
                </a:cubicBezTo>
                <a:lnTo>
                  <a:pt x="0" y="2291391"/>
                </a:lnTo>
                <a:close/>
                <a:moveTo>
                  <a:pt x="5214998" y="0"/>
                </a:moveTo>
                <a:cubicBezTo>
                  <a:pt x="5308265" y="0"/>
                  <a:pt x="5392780" y="17641"/>
                  <a:pt x="5474410" y="55393"/>
                </a:cubicBezTo>
                <a:lnTo>
                  <a:pt x="5386944" y="367187"/>
                </a:lnTo>
                <a:cubicBezTo>
                  <a:pt x="5334526" y="349684"/>
                  <a:pt x="5282074" y="340932"/>
                  <a:pt x="5241258" y="340932"/>
                </a:cubicBezTo>
                <a:cubicBezTo>
                  <a:pt x="5112976" y="340932"/>
                  <a:pt x="5025544" y="437131"/>
                  <a:pt x="5025544" y="579901"/>
                </a:cubicBezTo>
                <a:lnTo>
                  <a:pt x="5025544" y="837299"/>
                </a:lnTo>
                <a:lnTo>
                  <a:pt x="5553123" y="837402"/>
                </a:lnTo>
                <a:lnTo>
                  <a:pt x="5553123" y="1152113"/>
                </a:lnTo>
                <a:lnTo>
                  <a:pt x="5025544" y="1152113"/>
                </a:lnTo>
                <a:lnTo>
                  <a:pt x="5025544" y="2291528"/>
                </a:lnTo>
                <a:lnTo>
                  <a:pt x="4640802" y="2291528"/>
                </a:lnTo>
                <a:lnTo>
                  <a:pt x="4640802" y="1152113"/>
                </a:lnTo>
                <a:lnTo>
                  <a:pt x="4423612" y="1152113"/>
                </a:lnTo>
                <a:lnTo>
                  <a:pt x="4423612" y="837402"/>
                </a:lnTo>
                <a:lnTo>
                  <a:pt x="4640802" y="837402"/>
                </a:lnTo>
                <a:lnTo>
                  <a:pt x="4640802" y="580004"/>
                </a:lnTo>
                <a:cubicBezTo>
                  <a:pt x="4640802" y="233134"/>
                  <a:pt x="4871070" y="0"/>
                  <a:pt x="5214998" y="0"/>
                </a:cubicBezTo>
                <a:close/>
              </a:path>
            </a:pathLst>
          </a:custGeom>
          <a:solidFill>
            <a:srgbClr val="1D1D1B"/>
          </a:solidFill>
          <a:ln w="3432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grpSp>
        <p:nvGrpSpPr>
          <p:cNvPr id="5" name="5.element x2">
            <a:extLst>
              <a:ext uri="{FF2B5EF4-FFF2-40B4-BE49-F238E27FC236}">
                <a16:creationId xmlns:a16="http://schemas.microsoft.com/office/drawing/2014/main" id="{311322E2-724F-84F6-9390-2FEA094D08B5}"/>
              </a:ext>
            </a:extLst>
          </p:cNvPr>
          <p:cNvGrpSpPr>
            <a:grpSpLocks/>
          </p:cNvGrpSpPr>
          <p:nvPr userDrawn="1"/>
        </p:nvGrpSpPr>
        <p:grpSpPr bwMode="auto">
          <a:xfrm>
            <a:off x="5886450" y="6059488"/>
            <a:ext cx="971550" cy="6132512"/>
            <a:chOff x="10465406" y="3408028"/>
            <a:chExt cx="1726594" cy="3449974"/>
          </a:xfrm>
        </p:grpSpPr>
        <p:sp>
          <p:nvSpPr>
            <p:cNvPr id="6" name="Right Triangle 3">
              <a:extLst>
                <a:ext uri="{FF2B5EF4-FFF2-40B4-BE49-F238E27FC236}">
                  <a16:creationId xmlns:a16="http://schemas.microsoft.com/office/drawing/2014/main" id="{16D5D0CF-7B11-B70B-1F3A-5BEAE61FFCFD}"/>
                </a:ext>
              </a:extLst>
            </p:cNvPr>
            <p:cNvSpPr/>
            <p:nvPr/>
          </p:nvSpPr>
          <p:spPr>
            <a:xfrm rot="16200000">
              <a:off x="10465469" y="3407965"/>
              <a:ext cx="1723648" cy="1723774"/>
            </a:xfrm>
            <a:prstGeom prst="rtTriangle">
              <a:avLst/>
            </a:prstGeom>
            <a:solidFill>
              <a:schemeClr val="accent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anchor="ctr"/>
            <a:lstStyle/>
            <a:p>
              <a:pPr algn="ctr" eaLnBrk="1" fontAlgn="auto" hangingPunct="1">
                <a:spcBef>
                  <a:spcPts val="0"/>
                </a:spcBef>
                <a:spcAft>
                  <a:spcPts val="0"/>
                </a:spcAft>
                <a:defRPr/>
              </a:pPr>
              <a:endParaRPr lang="da-DK" sz="900" dirty="0">
                <a:solidFill>
                  <a:schemeClr val="accent2"/>
                </a:solidFill>
              </a:endParaRPr>
            </a:p>
          </p:txBody>
        </p:sp>
        <p:sp>
          <p:nvSpPr>
            <p:cNvPr id="7" name="Oval 5">
              <a:extLst>
                <a:ext uri="{FF2B5EF4-FFF2-40B4-BE49-F238E27FC236}">
                  <a16:creationId xmlns:a16="http://schemas.microsoft.com/office/drawing/2014/main" id="{90E0257A-DD55-CB26-AF2A-188BC6963A6B}"/>
                </a:ext>
              </a:extLst>
            </p:cNvPr>
            <p:cNvSpPr/>
            <p:nvPr/>
          </p:nvSpPr>
          <p:spPr>
            <a:xfrm rot="16200000">
              <a:off x="10465539" y="5131542"/>
              <a:ext cx="1726326" cy="1726594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anchor="ctr"/>
            <a:lstStyle/>
            <a:p>
              <a:pPr algn="ctr" eaLnBrk="1" fontAlgn="auto" hangingPunct="1">
                <a:spcBef>
                  <a:spcPts val="0"/>
                </a:spcBef>
                <a:spcAft>
                  <a:spcPts val="0"/>
                </a:spcAft>
                <a:defRPr/>
              </a:pPr>
              <a:endParaRPr lang="da-DK" sz="900" dirty="0"/>
            </a:p>
          </p:txBody>
        </p:sp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916310" y="3812820"/>
            <a:ext cx="3025350" cy="4448000"/>
          </a:xfrm>
        </p:spPr>
        <p:txBody>
          <a:bodyPr/>
          <a:lstStyle>
            <a:lvl1pPr algn="l">
              <a:defRPr sz="3038">
                <a:solidFill>
                  <a:schemeClr val="tx1"/>
                </a:solidFill>
              </a:defRPr>
            </a:lvl1pPr>
          </a:lstStyle>
          <a:p>
            <a:r>
              <a:rPr lang="da-DK" noProof="0"/>
              <a:t>Klik for at redigere titeltypografien i masteren</a:t>
            </a:r>
            <a:endParaRPr lang="da-DK" dirty="0"/>
          </a:p>
        </p:txBody>
      </p:sp>
      <p:sp>
        <p:nvSpPr>
          <p:cNvPr id="8" name="Date Placeholder 3">
            <a:extLst>
              <a:ext uri="{FF2B5EF4-FFF2-40B4-BE49-F238E27FC236}">
                <a16:creationId xmlns:a16="http://schemas.microsoft.com/office/drawing/2014/main" id="{03C2431B-E804-8A17-159C-352E11361DC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4E270E32-F122-4F96-A4B8-87E6BFACA192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9" name="Footer Placeholder 4">
            <a:extLst>
              <a:ext uri="{FF2B5EF4-FFF2-40B4-BE49-F238E27FC236}">
                <a16:creationId xmlns:a16="http://schemas.microsoft.com/office/drawing/2014/main" id="{90C7E63A-1CE1-209B-F4F9-675210E2ABF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916113" y="639763"/>
            <a:ext cx="3025775" cy="32067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10" name="Slide Number Placeholder 5">
            <a:extLst>
              <a:ext uri="{FF2B5EF4-FFF2-40B4-BE49-F238E27FC236}">
                <a16:creationId xmlns:a16="http://schemas.microsoft.com/office/drawing/2014/main" id="{54B23763-811F-1BEB-E6F5-684F56D7762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B478DA03-A271-4E64-BA43-2CB64A748D33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48634793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9">
            <a:extLst>
              <a:ext uri="{FF2B5EF4-FFF2-40B4-BE49-F238E27FC236}">
                <a16:creationId xmlns:a16="http://schemas.microsoft.com/office/drawing/2014/main" id="{64EEE289-6BB3-EFFF-323E-013D05B2D7AF}"/>
              </a:ext>
            </a:extLst>
          </p:cNvPr>
          <p:cNvSpPr/>
          <p:nvPr userDrawn="1"/>
        </p:nvSpPr>
        <p:spPr>
          <a:xfrm>
            <a:off x="0" y="0"/>
            <a:ext cx="6858000" cy="12192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20250" rIns="40500" bIns="2025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125" dirty="0"/>
          </a:p>
        </p:txBody>
      </p:sp>
      <p:sp>
        <p:nvSpPr>
          <p:cNvPr id="4" name="Freeform: Shape 8">
            <a:extLst>
              <a:ext uri="{FF2B5EF4-FFF2-40B4-BE49-F238E27FC236}">
                <a16:creationId xmlns:a16="http://schemas.microsoft.com/office/drawing/2014/main" id="{16EEF0C3-60D8-6C5F-6D8A-BAA56BB31A7D}"/>
              </a:ext>
            </a:extLst>
          </p:cNvPr>
          <p:cNvSpPr/>
          <p:nvPr userDrawn="1"/>
        </p:nvSpPr>
        <p:spPr>
          <a:xfrm>
            <a:off x="6197600" y="639763"/>
            <a:ext cx="355600" cy="635000"/>
          </a:xfrm>
          <a:custGeom>
            <a:avLst/>
            <a:gdLst>
              <a:gd name="connsiteX0" fmla="*/ 3991223 w 5553123"/>
              <a:gd name="connsiteY0" fmla="*/ 1407246 h 3128654"/>
              <a:gd name="connsiteX1" fmla="*/ 3430346 w 5553123"/>
              <a:gd name="connsiteY1" fmla="*/ 1968030 h 3128654"/>
              <a:gd name="connsiteX2" fmla="*/ 3597555 w 5553123"/>
              <a:gd name="connsiteY2" fmla="*/ 1999879 h 3128654"/>
              <a:gd name="connsiteX3" fmla="*/ 4017277 w 5553123"/>
              <a:gd name="connsiteY3" fmla="*/ 1565700 h 3128654"/>
              <a:gd name="connsiteX4" fmla="*/ 4017243 w 5553123"/>
              <a:gd name="connsiteY4" fmla="*/ 1565803 h 3128654"/>
              <a:gd name="connsiteX5" fmla="*/ 3991223 w 5553123"/>
              <a:gd name="connsiteY5" fmla="*/ 1407246 h 3128654"/>
              <a:gd name="connsiteX6" fmla="*/ 3597692 w 5553123"/>
              <a:gd name="connsiteY6" fmla="*/ 1131487 h 3128654"/>
              <a:gd name="connsiteX7" fmla="*/ 3172031 w 5553123"/>
              <a:gd name="connsiteY7" fmla="*/ 1565700 h 3128654"/>
              <a:gd name="connsiteX8" fmla="*/ 3171997 w 5553123"/>
              <a:gd name="connsiteY8" fmla="*/ 1565803 h 3128654"/>
              <a:gd name="connsiteX9" fmla="*/ 3197296 w 5553123"/>
              <a:gd name="connsiteY9" fmla="*/ 1722061 h 3128654"/>
              <a:gd name="connsiteX10" fmla="*/ 3757830 w 5553123"/>
              <a:gd name="connsiteY10" fmla="*/ 1161723 h 3128654"/>
              <a:gd name="connsiteX11" fmla="*/ 3597692 w 5553123"/>
              <a:gd name="connsiteY11" fmla="*/ 1131487 h 3128654"/>
              <a:gd name="connsiteX12" fmla="*/ 2205438 w 5553123"/>
              <a:gd name="connsiteY12" fmla="*/ 837298 h 3128654"/>
              <a:gd name="connsiteX13" fmla="*/ 2590180 w 5553123"/>
              <a:gd name="connsiteY13" fmla="*/ 837298 h 3128654"/>
              <a:gd name="connsiteX14" fmla="*/ 2590180 w 5553123"/>
              <a:gd name="connsiteY14" fmla="*/ 2548651 h 3128654"/>
              <a:gd name="connsiteX15" fmla="*/ 2015984 w 5553123"/>
              <a:gd name="connsiteY15" fmla="*/ 3128654 h 3128654"/>
              <a:gd name="connsiteX16" fmla="*/ 1756572 w 5553123"/>
              <a:gd name="connsiteY16" fmla="*/ 3073262 h 3128654"/>
              <a:gd name="connsiteX17" fmla="*/ 1844038 w 5553123"/>
              <a:gd name="connsiteY17" fmla="*/ 2761571 h 3128654"/>
              <a:gd name="connsiteX18" fmla="*/ 1989724 w 5553123"/>
              <a:gd name="connsiteY18" fmla="*/ 2787791 h 3128654"/>
              <a:gd name="connsiteX19" fmla="*/ 2205438 w 5553123"/>
              <a:gd name="connsiteY19" fmla="*/ 2548857 h 3128654"/>
              <a:gd name="connsiteX20" fmla="*/ 4139105 w 5553123"/>
              <a:gd name="connsiteY20" fmla="*/ 780499 h 3128654"/>
              <a:gd name="connsiteX21" fmla="*/ 4378642 w 5553123"/>
              <a:gd name="connsiteY21" fmla="*/ 1020017 h 3128654"/>
              <a:gd name="connsiteX22" fmla="*/ 4263474 w 5553123"/>
              <a:gd name="connsiteY22" fmla="*/ 1135365 h 3128654"/>
              <a:gd name="connsiteX23" fmla="*/ 4390485 w 5553123"/>
              <a:gd name="connsiteY23" fmla="*/ 1565769 h 3128654"/>
              <a:gd name="connsiteX24" fmla="*/ 3597520 w 5553123"/>
              <a:gd name="connsiteY24" fmla="*/ 2335080 h 3128654"/>
              <a:gd name="connsiteX25" fmla="*/ 3173748 w 5553123"/>
              <a:gd name="connsiteY25" fmla="*/ 2224604 h 3128654"/>
              <a:gd name="connsiteX26" fmla="*/ 3050169 w 5553123"/>
              <a:gd name="connsiteY26" fmla="*/ 2348155 h 3128654"/>
              <a:gd name="connsiteX27" fmla="*/ 2810563 w 5553123"/>
              <a:gd name="connsiteY27" fmla="*/ 2108707 h 3128654"/>
              <a:gd name="connsiteX28" fmla="*/ 2925320 w 5553123"/>
              <a:gd name="connsiteY28" fmla="*/ 1993976 h 3128654"/>
              <a:gd name="connsiteX29" fmla="*/ 2798892 w 5553123"/>
              <a:gd name="connsiteY29" fmla="*/ 1565838 h 3128654"/>
              <a:gd name="connsiteX30" fmla="*/ 3597486 w 5553123"/>
              <a:gd name="connsiteY30" fmla="*/ 793644 h 3128654"/>
              <a:gd name="connsiteX31" fmla="*/ 4015526 w 5553123"/>
              <a:gd name="connsiteY31" fmla="*/ 904050 h 3128654"/>
              <a:gd name="connsiteX32" fmla="*/ 396379 w 5553123"/>
              <a:gd name="connsiteY32" fmla="*/ 435140 h 3128654"/>
              <a:gd name="connsiteX33" fmla="*/ 396379 w 5553123"/>
              <a:gd name="connsiteY33" fmla="*/ 1932956 h 3128654"/>
              <a:gd name="connsiteX34" fmla="*/ 846344 w 5553123"/>
              <a:gd name="connsiteY34" fmla="*/ 1932956 h 3128654"/>
              <a:gd name="connsiteX35" fmla="*/ 1601274 w 5553123"/>
              <a:gd name="connsiteY35" fmla="*/ 1184065 h 3128654"/>
              <a:gd name="connsiteX36" fmla="*/ 846344 w 5553123"/>
              <a:gd name="connsiteY36" fmla="*/ 435140 h 3128654"/>
              <a:gd name="connsiteX37" fmla="*/ 0 w 5553123"/>
              <a:gd name="connsiteY37" fmla="*/ 76739 h 3128654"/>
              <a:gd name="connsiteX38" fmla="*/ 820049 w 5553123"/>
              <a:gd name="connsiteY38" fmla="*/ 76739 h 3128654"/>
              <a:gd name="connsiteX39" fmla="*/ 2000502 w 5553123"/>
              <a:gd name="connsiteY39" fmla="*/ 1184065 h 3128654"/>
              <a:gd name="connsiteX40" fmla="*/ 820049 w 5553123"/>
              <a:gd name="connsiteY40" fmla="*/ 2291391 h 3128654"/>
              <a:gd name="connsiteX41" fmla="*/ 0 w 5553123"/>
              <a:gd name="connsiteY41" fmla="*/ 2291391 h 3128654"/>
              <a:gd name="connsiteX42" fmla="*/ 5214998 w 5553123"/>
              <a:gd name="connsiteY42" fmla="*/ 0 h 3128654"/>
              <a:gd name="connsiteX43" fmla="*/ 5474410 w 5553123"/>
              <a:gd name="connsiteY43" fmla="*/ 55393 h 3128654"/>
              <a:gd name="connsiteX44" fmla="*/ 5386944 w 5553123"/>
              <a:gd name="connsiteY44" fmla="*/ 367187 h 3128654"/>
              <a:gd name="connsiteX45" fmla="*/ 5241258 w 5553123"/>
              <a:gd name="connsiteY45" fmla="*/ 340932 h 3128654"/>
              <a:gd name="connsiteX46" fmla="*/ 5025544 w 5553123"/>
              <a:gd name="connsiteY46" fmla="*/ 579901 h 3128654"/>
              <a:gd name="connsiteX47" fmla="*/ 5025544 w 5553123"/>
              <a:gd name="connsiteY47" fmla="*/ 837299 h 3128654"/>
              <a:gd name="connsiteX48" fmla="*/ 5553123 w 5553123"/>
              <a:gd name="connsiteY48" fmla="*/ 837402 h 3128654"/>
              <a:gd name="connsiteX49" fmla="*/ 5553123 w 5553123"/>
              <a:gd name="connsiteY49" fmla="*/ 1152113 h 3128654"/>
              <a:gd name="connsiteX50" fmla="*/ 5025544 w 5553123"/>
              <a:gd name="connsiteY50" fmla="*/ 1152113 h 3128654"/>
              <a:gd name="connsiteX51" fmla="*/ 5025544 w 5553123"/>
              <a:gd name="connsiteY51" fmla="*/ 2291528 h 3128654"/>
              <a:gd name="connsiteX52" fmla="*/ 4640802 w 5553123"/>
              <a:gd name="connsiteY52" fmla="*/ 2291528 h 3128654"/>
              <a:gd name="connsiteX53" fmla="*/ 4640802 w 5553123"/>
              <a:gd name="connsiteY53" fmla="*/ 1152113 h 3128654"/>
              <a:gd name="connsiteX54" fmla="*/ 4423612 w 5553123"/>
              <a:gd name="connsiteY54" fmla="*/ 1152113 h 3128654"/>
              <a:gd name="connsiteX55" fmla="*/ 4423612 w 5553123"/>
              <a:gd name="connsiteY55" fmla="*/ 837402 h 3128654"/>
              <a:gd name="connsiteX56" fmla="*/ 4640802 w 5553123"/>
              <a:gd name="connsiteY56" fmla="*/ 837402 h 3128654"/>
              <a:gd name="connsiteX57" fmla="*/ 4640802 w 5553123"/>
              <a:gd name="connsiteY57" fmla="*/ 580004 h 3128654"/>
              <a:gd name="connsiteX58" fmla="*/ 5214998 w 5553123"/>
              <a:gd name="connsiteY58" fmla="*/ 0 h 31286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5553123" h="3128654">
                <a:moveTo>
                  <a:pt x="3991223" y="1407246"/>
                </a:moveTo>
                <a:lnTo>
                  <a:pt x="3430346" y="1968030"/>
                </a:lnTo>
                <a:cubicBezTo>
                  <a:pt x="3483553" y="1989213"/>
                  <a:pt x="3540297" y="2000023"/>
                  <a:pt x="3597555" y="1999879"/>
                </a:cubicBezTo>
                <a:cubicBezTo>
                  <a:pt x="3819070" y="1999879"/>
                  <a:pt x="4017277" y="1836826"/>
                  <a:pt x="4017277" y="1565700"/>
                </a:cubicBezTo>
                <a:lnTo>
                  <a:pt x="4017243" y="1565803"/>
                </a:lnTo>
                <a:cubicBezTo>
                  <a:pt x="4017518" y="1511866"/>
                  <a:pt x="4008729" y="1458269"/>
                  <a:pt x="3991223" y="1407246"/>
                </a:cubicBezTo>
                <a:close/>
                <a:moveTo>
                  <a:pt x="3597692" y="1131487"/>
                </a:moveTo>
                <a:cubicBezTo>
                  <a:pt x="3370204" y="1131487"/>
                  <a:pt x="3172031" y="1294574"/>
                  <a:pt x="3172031" y="1565700"/>
                </a:cubicBezTo>
                <a:lnTo>
                  <a:pt x="3171997" y="1565803"/>
                </a:lnTo>
                <a:cubicBezTo>
                  <a:pt x="3171757" y="1618927"/>
                  <a:pt x="3180304" y="1671724"/>
                  <a:pt x="3197296" y="1722061"/>
                </a:cubicBezTo>
                <a:lnTo>
                  <a:pt x="3757830" y="1161723"/>
                </a:lnTo>
                <a:cubicBezTo>
                  <a:pt x="3706819" y="1141649"/>
                  <a:pt x="3652513" y="1131391"/>
                  <a:pt x="3597692" y="1131487"/>
                </a:cubicBezTo>
                <a:close/>
                <a:moveTo>
                  <a:pt x="2205438" y="837298"/>
                </a:moveTo>
                <a:lnTo>
                  <a:pt x="2590180" y="837298"/>
                </a:lnTo>
                <a:lnTo>
                  <a:pt x="2590180" y="2548651"/>
                </a:lnTo>
                <a:cubicBezTo>
                  <a:pt x="2590180" y="2895520"/>
                  <a:pt x="2359911" y="3128654"/>
                  <a:pt x="2015984" y="3128654"/>
                </a:cubicBezTo>
                <a:cubicBezTo>
                  <a:pt x="1922717" y="3128654"/>
                  <a:pt x="1838202" y="3111014"/>
                  <a:pt x="1756572" y="3073262"/>
                </a:cubicBezTo>
                <a:lnTo>
                  <a:pt x="1844038" y="2761571"/>
                </a:lnTo>
                <a:cubicBezTo>
                  <a:pt x="1896456" y="2779074"/>
                  <a:pt x="1948909" y="2787791"/>
                  <a:pt x="1989724" y="2787791"/>
                </a:cubicBezTo>
                <a:cubicBezTo>
                  <a:pt x="2118006" y="2787791"/>
                  <a:pt x="2205438" y="2691627"/>
                  <a:pt x="2205438" y="2548857"/>
                </a:cubicBezTo>
                <a:close/>
                <a:moveTo>
                  <a:pt x="4139105" y="780499"/>
                </a:moveTo>
                <a:lnTo>
                  <a:pt x="4378642" y="1020017"/>
                </a:lnTo>
                <a:lnTo>
                  <a:pt x="4263474" y="1135365"/>
                </a:lnTo>
                <a:cubicBezTo>
                  <a:pt x="4343457" y="1255038"/>
                  <a:pt x="4390485" y="1401034"/>
                  <a:pt x="4390485" y="1565769"/>
                </a:cubicBezTo>
                <a:cubicBezTo>
                  <a:pt x="4390485" y="2023285"/>
                  <a:pt x="4028880" y="2335080"/>
                  <a:pt x="3597520" y="2335080"/>
                </a:cubicBezTo>
                <a:cubicBezTo>
                  <a:pt x="3442429" y="2335080"/>
                  <a:pt x="3296983" y="2295681"/>
                  <a:pt x="3173748" y="2224604"/>
                </a:cubicBezTo>
                <a:lnTo>
                  <a:pt x="3050169" y="2348155"/>
                </a:lnTo>
                <a:lnTo>
                  <a:pt x="2810563" y="2108707"/>
                </a:lnTo>
                <a:lnTo>
                  <a:pt x="2925320" y="1993976"/>
                </a:lnTo>
                <a:cubicBezTo>
                  <a:pt x="2845543" y="1875058"/>
                  <a:pt x="2798892" y="1729886"/>
                  <a:pt x="2798892" y="1565838"/>
                </a:cubicBezTo>
                <a:cubicBezTo>
                  <a:pt x="2798892" y="1108390"/>
                  <a:pt x="3160291" y="793644"/>
                  <a:pt x="3597486" y="793644"/>
                </a:cubicBezTo>
                <a:cubicBezTo>
                  <a:pt x="3749866" y="793644"/>
                  <a:pt x="3893424" y="833077"/>
                  <a:pt x="4015526" y="904050"/>
                </a:cubicBezTo>
                <a:close/>
                <a:moveTo>
                  <a:pt x="396379" y="435140"/>
                </a:moveTo>
                <a:lnTo>
                  <a:pt x="396379" y="1932956"/>
                </a:lnTo>
                <a:lnTo>
                  <a:pt x="846344" y="1932956"/>
                </a:lnTo>
                <a:cubicBezTo>
                  <a:pt x="1298059" y="1932956"/>
                  <a:pt x="1601274" y="1632830"/>
                  <a:pt x="1601274" y="1184065"/>
                </a:cubicBezTo>
                <a:cubicBezTo>
                  <a:pt x="1601274" y="735300"/>
                  <a:pt x="1298128" y="435140"/>
                  <a:pt x="846344" y="435140"/>
                </a:cubicBezTo>
                <a:close/>
                <a:moveTo>
                  <a:pt x="0" y="76739"/>
                </a:moveTo>
                <a:lnTo>
                  <a:pt x="820049" y="76739"/>
                </a:lnTo>
                <a:cubicBezTo>
                  <a:pt x="1528328" y="76739"/>
                  <a:pt x="2000502" y="519670"/>
                  <a:pt x="2000502" y="1184065"/>
                </a:cubicBezTo>
                <a:cubicBezTo>
                  <a:pt x="2000502" y="1848460"/>
                  <a:pt x="1528328" y="2291391"/>
                  <a:pt x="820049" y="2291391"/>
                </a:cubicBezTo>
                <a:lnTo>
                  <a:pt x="0" y="2291391"/>
                </a:lnTo>
                <a:close/>
                <a:moveTo>
                  <a:pt x="5214998" y="0"/>
                </a:moveTo>
                <a:cubicBezTo>
                  <a:pt x="5308265" y="0"/>
                  <a:pt x="5392780" y="17641"/>
                  <a:pt x="5474410" y="55393"/>
                </a:cubicBezTo>
                <a:lnTo>
                  <a:pt x="5386944" y="367187"/>
                </a:lnTo>
                <a:cubicBezTo>
                  <a:pt x="5334526" y="349684"/>
                  <a:pt x="5282074" y="340932"/>
                  <a:pt x="5241258" y="340932"/>
                </a:cubicBezTo>
                <a:cubicBezTo>
                  <a:pt x="5112976" y="340932"/>
                  <a:pt x="5025544" y="437131"/>
                  <a:pt x="5025544" y="579901"/>
                </a:cubicBezTo>
                <a:lnTo>
                  <a:pt x="5025544" y="837299"/>
                </a:lnTo>
                <a:lnTo>
                  <a:pt x="5553123" y="837402"/>
                </a:lnTo>
                <a:lnTo>
                  <a:pt x="5553123" y="1152113"/>
                </a:lnTo>
                <a:lnTo>
                  <a:pt x="5025544" y="1152113"/>
                </a:lnTo>
                <a:lnTo>
                  <a:pt x="5025544" y="2291528"/>
                </a:lnTo>
                <a:lnTo>
                  <a:pt x="4640802" y="2291528"/>
                </a:lnTo>
                <a:lnTo>
                  <a:pt x="4640802" y="1152113"/>
                </a:lnTo>
                <a:lnTo>
                  <a:pt x="4423612" y="1152113"/>
                </a:lnTo>
                <a:lnTo>
                  <a:pt x="4423612" y="837402"/>
                </a:lnTo>
                <a:lnTo>
                  <a:pt x="4640802" y="837402"/>
                </a:lnTo>
                <a:lnTo>
                  <a:pt x="4640802" y="580004"/>
                </a:lnTo>
                <a:cubicBezTo>
                  <a:pt x="4640802" y="233134"/>
                  <a:pt x="4871070" y="0"/>
                  <a:pt x="5214998" y="0"/>
                </a:cubicBezTo>
                <a:close/>
              </a:path>
            </a:pathLst>
          </a:custGeom>
          <a:solidFill>
            <a:srgbClr val="1D1D1B"/>
          </a:solidFill>
          <a:ln w="3432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grpSp>
        <p:nvGrpSpPr>
          <p:cNvPr id="5" name="Group 7">
            <a:extLst>
              <a:ext uri="{FF2B5EF4-FFF2-40B4-BE49-F238E27FC236}">
                <a16:creationId xmlns:a16="http://schemas.microsoft.com/office/drawing/2014/main" id="{EB019429-47BE-C215-1B91-34EB6AC627D5}"/>
              </a:ext>
            </a:extLst>
          </p:cNvPr>
          <p:cNvGrpSpPr>
            <a:grpSpLocks/>
          </p:cNvGrpSpPr>
          <p:nvPr userDrawn="1"/>
        </p:nvGrpSpPr>
        <p:grpSpPr bwMode="auto">
          <a:xfrm>
            <a:off x="0" y="9101138"/>
            <a:ext cx="977900" cy="3090862"/>
            <a:chOff x="10396448" y="4158868"/>
            <a:chExt cx="2700003" cy="2699133"/>
          </a:xfrm>
        </p:grpSpPr>
        <p:sp>
          <p:nvSpPr>
            <p:cNvPr id="6" name="Freeform: Shape 5">
              <a:extLst>
                <a:ext uri="{FF2B5EF4-FFF2-40B4-BE49-F238E27FC236}">
                  <a16:creationId xmlns:a16="http://schemas.microsoft.com/office/drawing/2014/main" id="{8CC98736-75AC-572B-3385-A836CE2839B2}"/>
                </a:ext>
              </a:extLst>
            </p:cNvPr>
            <p:cNvSpPr>
              <a:spLocks noChangeAspect="1"/>
            </p:cNvSpPr>
            <p:nvPr/>
          </p:nvSpPr>
          <p:spPr>
            <a:xfrm rot="5400000">
              <a:off x="11071318" y="4832870"/>
              <a:ext cx="1350260" cy="2700003"/>
            </a:xfrm>
            <a:custGeom>
              <a:avLst/>
              <a:gdLst>
                <a:gd name="connsiteX0" fmla="*/ 2991853 w 2991853"/>
                <a:gd name="connsiteY0" fmla="*/ 0 h 5983706"/>
                <a:gd name="connsiteX1" fmla="*/ 2991853 w 2991853"/>
                <a:gd name="connsiteY1" fmla="*/ 5983706 h 5983706"/>
                <a:gd name="connsiteX2" fmla="*/ 0 w 2991853"/>
                <a:gd name="connsiteY2" fmla="*/ 2991853 h 5983706"/>
                <a:gd name="connsiteX3" fmla="*/ 2991853 w 2991853"/>
                <a:gd name="connsiteY3" fmla="*/ 0 h 598370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991853" h="5983706">
                  <a:moveTo>
                    <a:pt x="2991853" y="0"/>
                  </a:moveTo>
                  <a:lnTo>
                    <a:pt x="2991853" y="5983706"/>
                  </a:lnTo>
                  <a:cubicBezTo>
                    <a:pt x="1339498" y="5983706"/>
                    <a:pt x="0" y="4644208"/>
                    <a:pt x="0" y="2991853"/>
                  </a:cubicBezTo>
                  <a:cubicBezTo>
                    <a:pt x="0" y="1339498"/>
                    <a:pt x="1339498" y="0"/>
                    <a:pt x="2991853" y="0"/>
                  </a:cubicBez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anchor="ctr"/>
            <a:lstStyle/>
            <a:p>
              <a:pPr algn="ctr" eaLnBrk="1" fontAlgn="auto" hangingPunct="1">
                <a:spcBef>
                  <a:spcPts val="0"/>
                </a:spcBef>
                <a:spcAft>
                  <a:spcPts val="0"/>
                </a:spcAft>
                <a:defRPr/>
              </a:pPr>
              <a:endParaRPr lang="da-DK" sz="900" dirty="0">
                <a:solidFill>
                  <a:schemeClr val="accent2"/>
                </a:solidFill>
              </a:endParaRPr>
            </a:p>
          </p:txBody>
        </p:sp>
        <p:sp>
          <p:nvSpPr>
            <p:cNvPr id="7" name="Freeform: Shape 6">
              <a:extLst>
                <a:ext uri="{FF2B5EF4-FFF2-40B4-BE49-F238E27FC236}">
                  <a16:creationId xmlns:a16="http://schemas.microsoft.com/office/drawing/2014/main" id="{77677332-1831-DF0F-7199-2AD66BC1B161}"/>
                </a:ext>
              </a:extLst>
            </p:cNvPr>
            <p:cNvSpPr>
              <a:spLocks noChangeAspect="1"/>
            </p:cNvSpPr>
            <p:nvPr/>
          </p:nvSpPr>
          <p:spPr>
            <a:xfrm rot="16200000">
              <a:off x="11071318" y="3483997"/>
              <a:ext cx="1350260" cy="2700003"/>
            </a:xfrm>
            <a:custGeom>
              <a:avLst/>
              <a:gdLst>
                <a:gd name="connsiteX0" fmla="*/ 2991853 w 2991853"/>
                <a:gd name="connsiteY0" fmla="*/ 0 h 5983706"/>
                <a:gd name="connsiteX1" fmla="*/ 2991853 w 2991853"/>
                <a:gd name="connsiteY1" fmla="*/ 5983706 h 5983706"/>
                <a:gd name="connsiteX2" fmla="*/ 0 w 2991853"/>
                <a:gd name="connsiteY2" fmla="*/ 2991853 h 5983706"/>
                <a:gd name="connsiteX3" fmla="*/ 2991853 w 2991853"/>
                <a:gd name="connsiteY3" fmla="*/ 0 h 598370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991853" h="5983706">
                  <a:moveTo>
                    <a:pt x="2991853" y="0"/>
                  </a:moveTo>
                  <a:lnTo>
                    <a:pt x="2991853" y="5983706"/>
                  </a:lnTo>
                  <a:cubicBezTo>
                    <a:pt x="1339498" y="5983706"/>
                    <a:pt x="0" y="4644208"/>
                    <a:pt x="0" y="2991853"/>
                  </a:cubicBezTo>
                  <a:cubicBezTo>
                    <a:pt x="0" y="1339498"/>
                    <a:pt x="1339498" y="0"/>
                    <a:pt x="2991853" y="0"/>
                  </a:cubicBez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anchor="ctr"/>
            <a:lstStyle/>
            <a:p>
              <a:pPr algn="ctr" eaLnBrk="1" fontAlgn="auto" hangingPunct="1">
                <a:spcBef>
                  <a:spcPts val="0"/>
                </a:spcBef>
                <a:spcAft>
                  <a:spcPts val="0"/>
                </a:spcAft>
                <a:defRPr/>
              </a:pPr>
              <a:endParaRPr lang="da-DK" sz="900" dirty="0">
                <a:solidFill>
                  <a:schemeClr val="accent2"/>
                </a:solidFill>
              </a:endParaRPr>
            </a:p>
          </p:txBody>
        </p:sp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916310" y="3812821"/>
            <a:ext cx="3227190" cy="4448000"/>
          </a:xfrm>
        </p:spPr>
        <p:txBody>
          <a:bodyPr/>
          <a:lstStyle>
            <a:lvl1pPr algn="l">
              <a:defRPr sz="3038">
                <a:solidFill>
                  <a:schemeClr val="tx1"/>
                </a:solidFill>
              </a:defRPr>
            </a:lvl1pPr>
          </a:lstStyle>
          <a:p>
            <a:r>
              <a:rPr lang="da-DK" noProof="0"/>
              <a:t>Klik for at redigere titeltypografien i masteren</a:t>
            </a:r>
            <a:endParaRPr lang="da-DK" dirty="0"/>
          </a:p>
        </p:txBody>
      </p:sp>
      <p:sp>
        <p:nvSpPr>
          <p:cNvPr id="8" name="Date Placeholder 3">
            <a:extLst>
              <a:ext uri="{FF2B5EF4-FFF2-40B4-BE49-F238E27FC236}">
                <a16:creationId xmlns:a16="http://schemas.microsoft.com/office/drawing/2014/main" id="{4EA486EB-2700-C97B-A4B3-05ABDE2FB98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C96FFEA1-D42A-47C4-B9AF-B6D98C87597F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9" name="Footer Placeholder 4">
            <a:extLst>
              <a:ext uri="{FF2B5EF4-FFF2-40B4-BE49-F238E27FC236}">
                <a16:creationId xmlns:a16="http://schemas.microsoft.com/office/drawing/2014/main" id="{0A4E467F-BEE5-3E2C-8378-19A6CC96373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916113" y="639763"/>
            <a:ext cx="3227387" cy="32067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10" name="Slide Number Placeholder 5">
            <a:extLst>
              <a:ext uri="{FF2B5EF4-FFF2-40B4-BE49-F238E27FC236}">
                <a16:creationId xmlns:a16="http://schemas.microsoft.com/office/drawing/2014/main" id="{724F4D1D-6663-2F91-DE54-82CB7F54B7A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08F9A73B-9136-4F70-85BD-DFC788DB0E4A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777253145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ggrund">
            <a:extLst>
              <a:ext uri="{FF2B5EF4-FFF2-40B4-BE49-F238E27FC236}">
                <a16:creationId xmlns:a16="http://schemas.microsoft.com/office/drawing/2014/main" id="{40099939-F5BF-A212-7720-76D1CEFB82C0}"/>
              </a:ext>
            </a:extLst>
          </p:cNvPr>
          <p:cNvSpPr/>
          <p:nvPr userDrawn="1"/>
        </p:nvSpPr>
        <p:spPr>
          <a:xfrm>
            <a:off x="0" y="0"/>
            <a:ext cx="6858000" cy="12192000"/>
          </a:xfrm>
          <a:prstGeom prst="rect">
            <a:avLst/>
          </a:prstGeom>
          <a:solidFill>
            <a:srgbClr val="EBE0C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20250" rIns="40500" bIns="2025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125" dirty="0"/>
          </a:p>
        </p:txBody>
      </p:sp>
      <p:sp>
        <p:nvSpPr>
          <p:cNvPr id="4" name="Logo">
            <a:extLst>
              <a:ext uri="{FF2B5EF4-FFF2-40B4-BE49-F238E27FC236}">
                <a16:creationId xmlns:a16="http://schemas.microsoft.com/office/drawing/2014/main" id="{14E9F8D1-0E43-0837-ABB0-BF5B69AA413B}"/>
              </a:ext>
            </a:extLst>
          </p:cNvPr>
          <p:cNvSpPr/>
          <p:nvPr userDrawn="1"/>
        </p:nvSpPr>
        <p:spPr>
          <a:xfrm>
            <a:off x="6197600" y="639763"/>
            <a:ext cx="355600" cy="635000"/>
          </a:xfrm>
          <a:custGeom>
            <a:avLst/>
            <a:gdLst>
              <a:gd name="connsiteX0" fmla="*/ 3991223 w 5553123"/>
              <a:gd name="connsiteY0" fmla="*/ 1407246 h 3128654"/>
              <a:gd name="connsiteX1" fmla="*/ 3430346 w 5553123"/>
              <a:gd name="connsiteY1" fmla="*/ 1968030 h 3128654"/>
              <a:gd name="connsiteX2" fmla="*/ 3597555 w 5553123"/>
              <a:gd name="connsiteY2" fmla="*/ 1999879 h 3128654"/>
              <a:gd name="connsiteX3" fmla="*/ 4017277 w 5553123"/>
              <a:gd name="connsiteY3" fmla="*/ 1565700 h 3128654"/>
              <a:gd name="connsiteX4" fmla="*/ 4017243 w 5553123"/>
              <a:gd name="connsiteY4" fmla="*/ 1565803 h 3128654"/>
              <a:gd name="connsiteX5" fmla="*/ 3991223 w 5553123"/>
              <a:gd name="connsiteY5" fmla="*/ 1407246 h 3128654"/>
              <a:gd name="connsiteX6" fmla="*/ 3597692 w 5553123"/>
              <a:gd name="connsiteY6" fmla="*/ 1131487 h 3128654"/>
              <a:gd name="connsiteX7" fmla="*/ 3172031 w 5553123"/>
              <a:gd name="connsiteY7" fmla="*/ 1565700 h 3128654"/>
              <a:gd name="connsiteX8" fmla="*/ 3171997 w 5553123"/>
              <a:gd name="connsiteY8" fmla="*/ 1565803 h 3128654"/>
              <a:gd name="connsiteX9" fmla="*/ 3197296 w 5553123"/>
              <a:gd name="connsiteY9" fmla="*/ 1722061 h 3128654"/>
              <a:gd name="connsiteX10" fmla="*/ 3757830 w 5553123"/>
              <a:gd name="connsiteY10" fmla="*/ 1161723 h 3128654"/>
              <a:gd name="connsiteX11" fmla="*/ 3597692 w 5553123"/>
              <a:gd name="connsiteY11" fmla="*/ 1131487 h 3128654"/>
              <a:gd name="connsiteX12" fmla="*/ 2205438 w 5553123"/>
              <a:gd name="connsiteY12" fmla="*/ 837298 h 3128654"/>
              <a:gd name="connsiteX13" fmla="*/ 2590180 w 5553123"/>
              <a:gd name="connsiteY13" fmla="*/ 837298 h 3128654"/>
              <a:gd name="connsiteX14" fmla="*/ 2590180 w 5553123"/>
              <a:gd name="connsiteY14" fmla="*/ 2548651 h 3128654"/>
              <a:gd name="connsiteX15" fmla="*/ 2015984 w 5553123"/>
              <a:gd name="connsiteY15" fmla="*/ 3128654 h 3128654"/>
              <a:gd name="connsiteX16" fmla="*/ 1756572 w 5553123"/>
              <a:gd name="connsiteY16" fmla="*/ 3073262 h 3128654"/>
              <a:gd name="connsiteX17" fmla="*/ 1844038 w 5553123"/>
              <a:gd name="connsiteY17" fmla="*/ 2761571 h 3128654"/>
              <a:gd name="connsiteX18" fmla="*/ 1989724 w 5553123"/>
              <a:gd name="connsiteY18" fmla="*/ 2787791 h 3128654"/>
              <a:gd name="connsiteX19" fmla="*/ 2205438 w 5553123"/>
              <a:gd name="connsiteY19" fmla="*/ 2548857 h 3128654"/>
              <a:gd name="connsiteX20" fmla="*/ 4139105 w 5553123"/>
              <a:gd name="connsiteY20" fmla="*/ 780499 h 3128654"/>
              <a:gd name="connsiteX21" fmla="*/ 4378642 w 5553123"/>
              <a:gd name="connsiteY21" fmla="*/ 1020017 h 3128654"/>
              <a:gd name="connsiteX22" fmla="*/ 4263474 w 5553123"/>
              <a:gd name="connsiteY22" fmla="*/ 1135365 h 3128654"/>
              <a:gd name="connsiteX23" fmla="*/ 4390485 w 5553123"/>
              <a:gd name="connsiteY23" fmla="*/ 1565769 h 3128654"/>
              <a:gd name="connsiteX24" fmla="*/ 3597520 w 5553123"/>
              <a:gd name="connsiteY24" fmla="*/ 2335080 h 3128654"/>
              <a:gd name="connsiteX25" fmla="*/ 3173748 w 5553123"/>
              <a:gd name="connsiteY25" fmla="*/ 2224604 h 3128654"/>
              <a:gd name="connsiteX26" fmla="*/ 3050169 w 5553123"/>
              <a:gd name="connsiteY26" fmla="*/ 2348155 h 3128654"/>
              <a:gd name="connsiteX27" fmla="*/ 2810563 w 5553123"/>
              <a:gd name="connsiteY27" fmla="*/ 2108707 h 3128654"/>
              <a:gd name="connsiteX28" fmla="*/ 2925320 w 5553123"/>
              <a:gd name="connsiteY28" fmla="*/ 1993976 h 3128654"/>
              <a:gd name="connsiteX29" fmla="*/ 2798892 w 5553123"/>
              <a:gd name="connsiteY29" fmla="*/ 1565838 h 3128654"/>
              <a:gd name="connsiteX30" fmla="*/ 3597486 w 5553123"/>
              <a:gd name="connsiteY30" fmla="*/ 793644 h 3128654"/>
              <a:gd name="connsiteX31" fmla="*/ 4015526 w 5553123"/>
              <a:gd name="connsiteY31" fmla="*/ 904050 h 3128654"/>
              <a:gd name="connsiteX32" fmla="*/ 396379 w 5553123"/>
              <a:gd name="connsiteY32" fmla="*/ 435140 h 3128654"/>
              <a:gd name="connsiteX33" fmla="*/ 396379 w 5553123"/>
              <a:gd name="connsiteY33" fmla="*/ 1932956 h 3128654"/>
              <a:gd name="connsiteX34" fmla="*/ 846344 w 5553123"/>
              <a:gd name="connsiteY34" fmla="*/ 1932956 h 3128654"/>
              <a:gd name="connsiteX35" fmla="*/ 1601274 w 5553123"/>
              <a:gd name="connsiteY35" fmla="*/ 1184065 h 3128654"/>
              <a:gd name="connsiteX36" fmla="*/ 846344 w 5553123"/>
              <a:gd name="connsiteY36" fmla="*/ 435140 h 3128654"/>
              <a:gd name="connsiteX37" fmla="*/ 0 w 5553123"/>
              <a:gd name="connsiteY37" fmla="*/ 76739 h 3128654"/>
              <a:gd name="connsiteX38" fmla="*/ 820049 w 5553123"/>
              <a:gd name="connsiteY38" fmla="*/ 76739 h 3128654"/>
              <a:gd name="connsiteX39" fmla="*/ 2000502 w 5553123"/>
              <a:gd name="connsiteY39" fmla="*/ 1184065 h 3128654"/>
              <a:gd name="connsiteX40" fmla="*/ 820049 w 5553123"/>
              <a:gd name="connsiteY40" fmla="*/ 2291391 h 3128654"/>
              <a:gd name="connsiteX41" fmla="*/ 0 w 5553123"/>
              <a:gd name="connsiteY41" fmla="*/ 2291391 h 3128654"/>
              <a:gd name="connsiteX42" fmla="*/ 5214998 w 5553123"/>
              <a:gd name="connsiteY42" fmla="*/ 0 h 3128654"/>
              <a:gd name="connsiteX43" fmla="*/ 5474410 w 5553123"/>
              <a:gd name="connsiteY43" fmla="*/ 55393 h 3128654"/>
              <a:gd name="connsiteX44" fmla="*/ 5386944 w 5553123"/>
              <a:gd name="connsiteY44" fmla="*/ 367187 h 3128654"/>
              <a:gd name="connsiteX45" fmla="*/ 5241258 w 5553123"/>
              <a:gd name="connsiteY45" fmla="*/ 340932 h 3128654"/>
              <a:gd name="connsiteX46" fmla="*/ 5025544 w 5553123"/>
              <a:gd name="connsiteY46" fmla="*/ 579901 h 3128654"/>
              <a:gd name="connsiteX47" fmla="*/ 5025544 w 5553123"/>
              <a:gd name="connsiteY47" fmla="*/ 837299 h 3128654"/>
              <a:gd name="connsiteX48" fmla="*/ 5553123 w 5553123"/>
              <a:gd name="connsiteY48" fmla="*/ 837402 h 3128654"/>
              <a:gd name="connsiteX49" fmla="*/ 5553123 w 5553123"/>
              <a:gd name="connsiteY49" fmla="*/ 1152113 h 3128654"/>
              <a:gd name="connsiteX50" fmla="*/ 5025544 w 5553123"/>
              <a:gd name="connsiteY50" fmla="*/ 1152113 h 3128654"/>
              <a:gd name="connsiteX51" fmla="*/ 5025544 w 5553123"/>
              <a:gd name="connsiteY51" fmla="*/ 2291528 h 3128654"/>
              <a:gd name="connsiteX52" fmla="*/ 4640802 w 5553123"/>
              <a:gd name="connsiteY52" fmla="*/ 2291528 h 3128654"/>
              <a:gd name="connsiteX53" fmla="*/ 4640802 w 5553123"/>
              <a:gd name="connsiteY53" fmla="*/ 1152113 h 3128654"/>
              <a:gd name="connsiteX54" fmla="*/ 4423612 w 5553123"/>
              <a:gd name="connsiteY54" fmla="*/ 1152113 h 3128654"/>
              <a:gd name="connsiteX55" fmla="*/ 4423612 w 5553123"/>
              <a:gd name="connsiteY55" fmla="*/ 837402 h 3128654"/>
              <a:gd name="connsiteX56" fmla="*/ 4640802 w 5553123"/>
              <a:gd name="connsiteY56" fmla="*/ 837402 h 3128654"/>
              <a:gd name="connsiteX57" fmla="*/ 4640802 w 5553123"/>
              <a:gd name="connsiteY57" fmla="*/ 580004 h 3128654"/>
              <a:gd name="connsiteX58" fmla="*/ 5214998 w 5553123"/>
              <a:gd name="connsiteY58" fmla="*/ 0 h 31286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5553123" h="3128654">
                <a:moveTo>
                  <a:pt x="3991223" y="1407246"/>
                </a:moveTo>
                <a:lnTo>
                  <a:pt x="3430346" y="1968030"/>
                </a:lnTo>
                <a:cubicBezTo>
                  <a:pt x="3483553" y="1989213"/>
                  <a:pt x="3540297" y="2000023"/>
                  <a:pt x="3597555" y="1999879"/>
                </a:cubicBezTo>
                <a:cubicBezTo>
                  <a:pt x="3819070" y="1999879"/>
                  <a:pt x="4017277" y="1836826"/>
                  <a:pt x="4017277" y="1565700"/>
                </a:cubicBezTo>
                <a:lnTo>
                  <a:pt x="4017243" y="1565803"/>
                </a:lnTo>
                <a:cubicBezTo>
                  <a:pt x="4017518" y="1511866"/>
                  <a:pt x="4008729" y="1458269"/>
                  <a:pt x="3991223" y="1407246"/>
                </a:cubicBezTo>
                <a:close/>
                <a:moveTo>
                  <a:pt x="3597692" y="1131487"/>
                </a:moveTo>
                <a:cubicBezTo>
                  <a:pt x="3370204" y="1131487"/>
                  <a:pt x="3172031" y="1294574"/>
                  <a:pt x="3172031" y="1565700"/>
                </a:cubicBezTo>
                <a:lnTo>
                  <a:pt x="3171997" y="1565803"/>
                </a:lnTo>
                <a:cubicBezTo>
                  <a:pt x="3171757" y="1618927"/>
                  <a:pt x="3180304" y="1671724"/>
                  <a:pt x="3197296" y="1722061"/>
                </a:cubicBezTo>
                <a:lnTo>
                  <a:pt x="3757830" y="1161723"/>
                </a:lnTo>
                <a:cubicBezTo>
                  <a:pt x="3706819" y="1141649"/>
                  <a:pt x="3652513" y="1131391"/>
                  <a:pt x="3597692" y="1131487"/>
                </a:cubicBezTo>
                <a:close/>
                <a:moveTo>
                  <a:pt x="2205438" y="837298"/>
                </a:moveTo>
                <a:lnTo>
                  <a:pt x="2590180" y="837298"/>
                </a:lnTo>
                <a:lnTo>
                  <a:pt x="2590180" y="2548651"/>
                </a:lnTo>
                <a:cubicBezTo>
                  <a:pt x="2590180" y="2895520"/>
                  <a:pt x="2359911" y="3128654"/>
                  <a:pt x="2015984" y="3128654"/>
                </a:cubicBezTo>
                <a:cubicBezTo>
                  <a:pt x="1922717" y="3128654"/>
                  <a:pt x="1838202" y="3111014"/>
                  <a:pt x="1756572" y="3073262"/>
                </a:cubicBezTo>
                <a:lnTo>
                  <a:pt x="1844038" y="2761571"/>
                </a:lnTo>
                <a:cubicBezTo>
                  <a:pt x="1896456" y="2779074"/>
                  <a:pt x="1948909" y="2787791"/>
                  <a:pt x="1989724" y="2787791"/>
                </a:cubicBezTo>
                <a:cubicBezTo>
                  <a:pt x="2118006" y="2787791"/>
                  <a:pt x="2205438" y="2691627"/>
                  <a:pt x="2205438" y="2548857"/>
                </a:cubicBezTo>
                <a:close/>
                <a:moveTo>
                  <a:pt x="4139105" y="780499"/>
                </a:moveTo>
                <a:lnTo>
                  <a:pt x="4378642" y="1020017"/>
                </a:lnTo>
                <a:lnTo>
                  <a:pt x="4263474" y="1135365"/>
                </a:lnTo>
                <a:cubicBezTo>
                  <a:pt x="4343457" y="1255038"/>
                  <a:pt x="4390485" y="1401034"/>
                  <a:pt x="4390485" y="1565769"/>
                </a:cubicBezTo>
                <a:cubicBezTo>
                  <a:pt x="4390485" y="2023285"/>
                  <a:pt x="4028880" y="2335080"/>
                  <a:pt x="3597520" y="2335080"/>
                </a:cubicBezTo>
                <a:cubicBezTo>
                  <a:pt x="3442429" y="2335080"/>
                  <a:pt x="3296983" y="2295681"/>
                  <a:pt x="3173748" y="2224604"/>
                </a:cubicBezTo>
                <a:lnTo>
                  <a:pt x="3050169" y="2348155"/>
                </a:lnTo>
                <a:lnTo>
                  <a:pt x="2810563" y="2108707"/>
                </a:lnTo>
                <a:lnTo>
                  <a:pt x="2925320" y="1993976"/>
                </a:lnTo>
                <a:cubicBezTo>
                  <a:pt x="2845543" y="1875058"/>
                  <a:pt x="2798892" y="1729886"/>
                  <a:pt x="2798892" y="1565838"/>
                </a:cubicBezTo>
                <a:cubicBezTo>
                  <a:pt x="2798892" y="1108390"/>
                  <a:pt x="3160291" y="793644"/>
                  <a:pt x="3597486" y="793644"/>
                </a:cubicBezTo>
                <a:cubicBezTo>
                  <a:pt x="3749866" y="793644"/>
                  <a:pt x="3893424" y="833077"/>
                  <a:pt x="4015526" y="904050"/>
                </a:cubicBezTo>
                <a:close/>
                <a:moveTo>
                  <a:pt x="396379" y="435140"/>
                </a:moveTo>
                <a:lnTo>
                  <a:pt x="396379" y="1932956"/>
                </a:lnTo>
                <a:lnTo>
                  <a:pt x="846344" y="1932956"/>
                </a:lnTo>
                <a:cubicBezTo>
                  <a:pt x="1298059" y="1932956"/>
                  <a:pt x="1601274" y="1632830"/>
                  <a:pt x="1601274" y="1184065"/>
                </a:cubicBezTo>
                <a:cubicBezTo>
                  <a:pt x="1601274" y="735300"/>
                  <a:pt x="1298128" y="435140"/>
                  <a:pt x="846344" y="435140"/>
                </a:cubicBezTo>
                <a:close/>
                <a:moveTo>
                  <a:pt x="0" y="76739"/>
                </a:moveTo>
                <a:lnTo>
                  <a:pt x="820049" y="76739"/>
                </a:lnTo>
                <a:cubicBezTo>
                  <a:pt x="1528328" y="76739"/>
                  <a:pt x="2000502" y="519670"/>
                  <a:pt x="2000502" y="1184065"/>
                </a:cubicBezTo>
                <a:cubicBezTo>
                  <a:pt x="2000502" y="1848460"/>
                  <a:pt x="1528328" y="2291391"/>
                  <a:pt x="820049" y="2291391"/>
                </a:cubicBezTo>
                <a:lnTo>
                  <a:pt x="0" y="2291391"/>
                </a:lnTo>
                <a:close/>
                <a:moveTo>
                  <a:pt x="5214998" y="0"/>
                </a:moveTo>
                <a:cubicBezTo>
                  <a:pt x="5308265" y="0"/>
                  <a:pt x="5392780" y="17641"/>
                  <a:pt x="5474410" y="55393"/>
                </a:cubicBezTo>
                <a:lnTo>
                  <a:pt x="5386944" y="367187"/>
                </a:lnTo>
                <a:cubicBezTo>
                  <a:pt x="5334526" y="349684"/>
                  <a:pt x="5282074" y="340932"/>
                  <a:pt x="5241258" y="340932"/>
                </a:cubicBezTo>
                <a:cubicBezTo>
                  <a:pt x="5112976" y="340932"/>
                  <a:pt x="5025544" y="437131"/>
                  <a:pt x="5025544" y="579901"/>
                </a:cubicBezTo>
                <a:lnTo>
                  <a:pt x="5025544" y="837299"/>
                </a:lnTo>
                <a:lnTo>
                  <a:pt x="5553123" y="837402"/>
                </a:lnTo>
                <a:lnTo>
                  <a:pt x="5553123" y="1152113"/>
                </a:lnTo>
                <a:lnTo>
                  <a:pt x="5025544" y="1152113"/>
                </a:lnTo>
                <a:lnTo>
                  <a:pt x="5025544" y="2291528"/>
                </a:lnTo>
                <a:lnTo>
                  <a:pt x="4640802" y="2291528"/>
                </a:lnTo>
                <a:lnTo>
                  <a:pt x="4640802" y="1152113"/>
                </a:lnTo>
                <a:lnTo>
                  <a:pt x="4423612" y="1152113"/>
                </a:lnTo>
                <a:lnTo>
                  <a:pt x="4423612" y="837402"/>
                </a:lnTo>
                <a:lnTo>
                  <a:pt x="4640802" y="837402"/>
                </a:lnTo>
                <a:lnTo>
                  <a:pt x="4640802" y="580004"/>
                </a:lnTo>
                <a:cubicBezTo>
                  <a:pt x="4640802" y="233134"/>
                  <a:pt x="4871070" y="0"/>
                  <a:pt x="5214998" y="0"/>
                </a:cubicBezTo>
                <a:close/>
              </a:path>
            </a:pathLst>
          </a:custGeom>
          <a:solidFill>
            <a:srgbClr val="1D1D1B"/>
          </a:solidFill>
          <a:ln w="3432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grpSp>
        <p:nvGrpSpPr>
          <p:cNvPr id="5" name="5.element x2">
            <a:extLst>
              <a:ext uri="{FF2B5EF4-FFF2-40B4-BE49-F238E27FC236}">
                <a16:creationId xmlns:a16="http://schemas.microsoft.com/office/drawing/2014/main" id="{8FFEB843-A432-6C01-9537-755BF712FA75}"/>
              </a:ext>
            </a:extLst>
          </p:cNvPr>
          <p:cNvGrpSpPr/>
          <p:nvPr userDrawn="1"/>
        </p:nvGrpSpPr>
        <p:grpSpPr>
          <a:xfrm>
            <a:off x="3969814" y="9123217"/>
            <a:ext cx="1941965" cy="3068784"/>
            <a:chOff x="3408363" y="4698000"/>
            <a:chExt cx="4320001" cy="2160000"/>
          </a:xfrm>
          <a:solidFill>
            <a:schemeClr val="accent1"/>
          </a:solidFill>
        </p:grpSpPr>
        <p:sp>
          <p:nvSpPr>
            <p:cNvPr id="6" name="Rectangle 8">
              <a:extLst>
                <a:ext uri="{FF2B5EF4-FFF2-40B4-BE49-F238E27FC236}">
                  <a16:creationId xmlns:a16="http://schemas.microsoft.com/office/drawing/2014/main" id="{571AE94E-E5F9-32D3-7C1E-735193DC8840}"/>
                </a:ext>
              </a:extLst>
            </p:cNvPr>
            <p:cNvSpPr/>
            <p:nvPr/>
          </p:nvSpPr>
          <p:spPr>
            <a:xfrm rot="10800000">
              <a:off x="3408363" y="4698000"/>
              <a:ext cx="2160000" cy="2160000"/>
            </a:xfrm>
            <a:prstGeom prst="rect">
              <a:avLst/>
            </a:prstGeom>
            <a:solidFill>
              <a:schemeClr val="accent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anchor="ctr"/>
            <a:lstStyle/>
            <a:p>
              <a:pPr algn="ctr" eaLnBrk="1" fontAlgn="auto" hangingPunct="1">
                <a:spcBef>
                  <a:spcPts val="0"/>
                </a:spcBef>
                <a:spcAft>
                  <a:spcPts val="0"/>
                </a:spcAft>
                <a:defRPr/>
              </a:pPr>
              <a:endParaRPr lang="da-DK" sz="900" dirty="0"/>
            </a:p>
          </p:txBody>
        </p:sp>
        <p:sp>
          <p:nvSpPr>
            <p:cNvPr id="7" name="Oval 10">
              <a:extLst>
                <a:ext uri="{FF2B5EF4-FFF2-40B4-BE49-F238E27FC236}">
                  <a16:creationId xmlns:a16="http://schemas.microsoft.com/office/drawing/2014/main" id="{9660063C-C5A1-55FD-AB4F-077A7133EF66}"/>
                </a:ext>
              </a:extLst>
            </p:cNvPr>
            <p:cNvSpPr/>
            <p:nvPr/>
          </p:nvSpPr>
          <p:spPr>
            <a:xfrm rot="10800000">
              <a:off x="5568364" y="4698000"/>
              <a:ext cx="2160000" cy="2160000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anchor="ctr"/>
            <a:lstStyle/>
            <a:p>
              <a:pPr algn="ctr" eaLnBrk="1" fontAlgn="auto" hangingPunct="1">
                <a:spcBef>
                  <a:spcPts val="0"/>
                </a:spcBef>
                <a:spcAft>
                  <a:spcPts val="0"/>
                </a:spcAft>
                <a:defRPr/>
              </a:pPr>
              <a:endParaRPr lang="da-DK" sz="900" dirty="0"/>
            </a:p>
          </p:txBody>
        </p:sp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916310" y="3812821"/>
            <a:ext cx="3227190" cy="4448000"/>
          </a:xfrm>
        </p:spPr>
        <p:txBody>
          <a:bodyPr/>
          <a:lstStyle>
            <a:lvl1pPr algn="l">
              <a:defRPr sz="3038">
                <a:solidFill>
                  <a:schemeClr val="tx1"/>
                </a:solidFill>
              </a:defRPr>
            </a:lvl1pPr>
          </a:lstStyle>
          <a:p>
            <a:r>
              <a:rPr lang="da-DK" noProof="0"/>
              <a:t>Klik for at redigere titeltypografien i masteren</a:t>
            </a:r>
            <a:endParaRPr lang="da-DK" dirty="0"/>
          </a:p>
        </p:txBody>
      </p:sp>
      <p:sp>
        <p:nvSpPr>
          <p:cNvPr id="8" name="Date Placeholder 3">
            <a:extLst>
              <a:ext uri="{FF2B5EF4-FFF2-40B4-BE49-F238E27FC236}">
                <a16:creationId xmlns:a16="http://schemas.microsoft.com/office/drawing/2014/main" id="{22BB1217-39C8-D04E-F623-AC534CE70EA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1E531BD0-EBE5-47FF-8334-DDA7811342B8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9" name="Footer Placeholder 4">
            <a:extLst>
              <a:ext uri="{FF2B5EF4-FFF2-40B4-BE49-F238E27FC236}">
                <a16:creationId xmlns:a16="http://schemas.microsoft.com/office/drawing/2014/main" id="{0DF6DBE5-57EA-B9A1-489C-03A4E6E847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916113" y="639763"/>
            <a:ext cx="3227387" cy="32067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10" name="Slide Number Placeholder 5">
            <a:extLst>
              <a:ext uri="{FF2B5EF4-FFF2-40B4-BE49-F238E27FC236}">
                <a16:creationId xmlns:a16="http://schemas.microsoft.com/office/drawing/2014/main" id="{6F0C8A10-7566-D769-BBDD-D00887B40C7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BE269C17-AB93-4885-94D5-BC8E99F7D233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56112929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 slid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Baggrund">
            <a:extLst>
              <a:ext uri="{FF2B5EF4-FFF2-40B4-BE49-F238E27FC236}">
                <a16:creationId xmlns:a16="http://schemas.microsoft.com/office/drawing/2014/main" id="{ACA4B7FC-757B-5DEC-5FE5-0A7E22A928F9}"/>
              </a:ext>
            </a:extLst>
          </p:cNvPr>
          <p:cNvSpPr/>
          <p:nvPr/>
        </p:nvSpPr>
        <p:spPr bwMode="gray">
          <a:xfrm>
            <a:off x="0" y="0"/>
            <a:ext cx="6858000" cy="12192000"/>
          </a:xfrm>
          <a:custGeom>
            <a:avLst/>
            <a:gdLst>
              <a:gd name="connsiteX0" fmla="*/ 0 w 10572750"/>
              <a:gd name="connsiteY0" fmla="*/ 0 h 10287000"/>
              <a:gd name="connsiteX1" fmla="*/ 10572750 w 10572750"/>
              <a:gd name="connsiteY1" fmla="*/ 0 h 10287000"/>
              <a:gd name="connsiteX2" fmla="*/ 10572750 w 10572750"/>
              <a:gd name="connsiteY2" fmla="*/ 10287000 h 10287000"/>
              <a:gd name="connsiteX3" fmla="*/ 0 w 10572750"/>
              <a:gd name="connsiteY3" fmla="*/ 10287000 h 10287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572750" h="10287000">
                <a:moveTo>
                  <a:pt x="0" y="0"/>
                </a:moveTo>
                <a:lnTo>
                  <a:pt x="10572750" y="0"/>
                </a:lnTo>
                <a:lnTo>
                  <a:pt x="10572750" y="10287000"/>
                </a:lnTo>
                <a:lnTo>
                  <a:pt x="0" y="10287000"/>
                </a:lnTo>
                <a:close/>
              </a:path>
            </a:pathLst>
          </a:custGeom>
          <a:solidFill>
            <a:schemeClr val="accent2"/>
          </a:solidFill>
          <a:ln w="9525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sp>
        <p:nvSpPr>
          <p:cNvPr id="5" name="Logo">
            <a:extLst>
              <a:ext uri="{FF2B5EF4-FFF2-40B4-BE49-F238E27FC236}">
                <a16:creationId xmlns:a16="http://schemas.microsoft.com/office/drawing/2014/main" id="{25DB403D-F3E1-F94D-E62C-836CF60B71B9}"/>
              </a:ext>
            </a:extLst>
          </p:cNvPr>
          <p:cNvSpPr/>
          <p:nvPr userDrawn="1"/>
        </p:nvSpPr>
        <p:spPr bwMode="white">
          <a:xfrm>
            <a:off x="6054725" y="639763"/>
            <a:ext cx="498475" cy="887412"/>
          </a:xfrm>
          <a:custGeom>
            <a:avLst/>
            <a:gdLst>
              <a:gd name="connsiteX0" fmla="*/ 3991223 w 5553123"/>
              <a:gd name="connsiteY0" fmla="*/ 1407246 h 3128654"/>
              <a:gd name="connsiteX1" fmla="*/ 3430346 w 5553123"/>
              <a:gd name="connsiteY1" fmla="*/ 1968030 h 3128654"/>
              <a:gd name="connsiteX2" fmla="*/ 3597555 w 5553123"/>
              <a:gd name="connsiteY2" fmla="*/ 1999879 h 3128654"/>
              <a:gd name="connsiteX3" fmla="*/ 4017277 w 5553123"/>
              <a:gd name="connsiteY3" fmla="*/ 1565700 h 3128654"/>
              <a:gd name="connsiteX4" fmla="*/ 4017243 w 5553123"/>
              <a:gd name="connsiteY4" fmla="*/ 1565803 h 3128654"/>
              <a:gd name="connsiteX5" fmla="*/ 3991223 w 5553123"/>
              <a:gd name="connsiteY5" fmla="*/ 1407246 h 3128654"/>
              <a:gd name="connsiteX6" fmla="*/ 3597692 w 5553123"/>
              <a:gd name="connsiteY6" fmla="*/ 1131487 h 3128654"/>
              <a:gd name="connsiteX7" fmla="*/ 3172031 w 5553123"/>
              <a:gd name="connsiteY7" fmla="*/ 1565700 h 3128654"/>
              <a:gd name="connsiteX8" fmla="*/ 3171997 w 5553123"/>
              <a:gd name="connsiteY8" fmla="*/ 1565803 h 3128654"/>
              <a:gd name="connsiteX9" fmla="*/ 3197296 w 5553123"/>
              <a:gd name="connsiteY9" fmla="*/ 1722061 h 3128654"/>
              <a:gd name="connsiteX10" fmla="*/ 3757830 w 5553123"/>
              <a:gd name="connsiteY10" fmla="*/ 1161723 h 3128654"/>
              <a:gd name="connsiteX11" fmla="*/ 3597692 w 5553123"/>
              <a:gd name="connsiteY11" fmla="*/ 1131487 h 3128654"/>
              <a:gd name="connsiteX12" fmla="*/ 2205438 w 5553123"/>
              <a:gd name="connsiteY12" fmla="*/ 837298 h 3128654"/>
              <a:gd name="connsiteX13" fmla="*/ 2590180 w 5553123"/>
              <a:gd name="connsiteY13" fmla="*/ 837298 h 3128654"/>
              <a:gd name="connsiteX14" fmla="*/ 2590180 w 5553123"/>
              <a:gd name="connsiteY14" fmla="*/ 2548651 h 3128654"/>
              <a:gd name="connsiteX15" fmla="*/ 2015984 w 5553123"/>
              <a:gd name="connsiteY15" fmla="*/ 3128654 h 3128654"/>
              <a:gd name="connsiteX16" fmla="*/ 1756572 w 5553123"/>
              <a:gd name="connsiteY16" fmla="*/ 3073262 h 3128654"/>
              <a:gd name="connsiteX17" fmla="*/ 1844038 w 5553123"/>
              <a:gd name="connsiteY17" fmla="*/ 2761571 h 3128654"/>
              <a:gd name="connsiteX18" fmla="*/ 1989724 w 5553123"/>
              <a:gd name="connsiteY18" fmla="*/ 2787791 h 3128654"/>
              <a:gd name="connsiteX19" fmla="*/ 2205438 w 5553123"/>
              <a:gd name="connsiteY19" fmla="*/ 2548857 h 3128654"/>
              <a:gd name="connsiteX20" fmla="*/ 4139105 w 5553123"/>
              <a:gd name="connsiteY20" fmla="*/ 780499 h 3128654"/>
              <a:gd name="connsiteX21" fmla="*/ 4378642 w 5553123"/>
              <a:gd name="connsiteY21" fmla="*/ 1020017 h 3128654"/>
              <a:gd name="connsiteX22" fmla="*/ 4263474 w 5553123"/>
              <a:gd name="connsiteY22" fmla="*/ 1135365 h 3128654"/>
              <a:gd name="connsiteX23" fmla="*/ 4390485 w 5553123"/>
              <a:gd name="connsiteY23" fmla="*/ 1565769 h 3128654"/>
              <a:gd name="connsiteX24" fmla="*/ 3597520 w 5553123"/>
              <a:gd name="connsiteY24" fmla="*/ 2335080 h 3128654"/>
              <a:gd name="connsiteX25" fmla="*/ 3173748 w 5553123"/>
              <a:gd name="connsiteY25" fmla="*/ 2224604 h 3128654"/>
              <a:gd name="connsiteX26" fmla="*/ 3050169 w 5553123"/>
              <a:gd name="connsiteY26" fmla="*/ 2348155 h 3128654"/>
              <a:gd name="connsiteX27" fmla="*/ 2810563 w 5553123"/>
              <a:gd name="connsiteY27" fmla="*/ 2108707 h 3128654"/>
              <a:gd name="connsiteX28" fmla="*/ 2925320 w 5553123"/>
              <a:gd name="connsiteY28" fmla="*/ 1993976 h 3128654"/>
              <a:gd name="connsiteX29" fmla="*/ 2798892 w 5553123"/>
              <a:gd name="connsiteY29" fmla="*/ 1565838 h 3128654"/>
              <a:gd name="connsiteX30" fmla="*/ 3597486 w 5553123"/>
              <a:gd name="connsiteY30" fmla="*/ 793644 h 3128654"/>
              <a:gd name="connsiteX31" fmla="*/ 4015526 w 5553123"/>
              <a:gd name="connsiteY31" fmla="*/ 904050 h 3128654"/>
              <a:gd name="connsiteX32" fmla="*/ 396379 w 5553123"/>
              <a:gd name="connsiteY32" fmla="*/ 435140 h 3128654"/>
              <a:gd name="connsiteX33" fmla="*/ 396379 w 5553123"/>
              <a:gd name="connsiteY33" fmla="*/ 1932956 h 3128654"/>
              <a:gd name="connsiteX34" fmla="*/ 846344 w 5553123"/>
              <a:gd name="connsiteY34" fmla="*/ 1932956 h 3128654"/>
              <a:gd name="connsiteX35" fmla="*/ 1601274 w 5553123"/>
              <a:gd name="connsiteY35" fmla="*/ 1184065 h 3128654"/>
              <a:gd name="connsiteX36" fmla="*/ 846344 w 5553123"/>
              <a:gd name="connsiteY36" fmla="*/ 435140 h 3128654"/>
              <a:gd name="connsiteX37" fmla="*/ 0 w 5553123"/>
              <a:gd name="connsiteY37" fmla="*/ 76739 h 3128654"/>
              <a:gd name="connsiteX38" fmla="*/ 820049 w 5553123"/>
              <a:gd name="connsiteY38" fmla="*/ 76739 h 3128654"/>
              <a:gd name="connsiteX39" fmla="*/ 2000502 w 5553123"/>
              <a:gd name="connsiteY39" fmla="*/ 1184065 h 3128654"/>
              <a:gd name="connsiteX40" fmla="*/ 820049 w 5553123"/>
              <a:gd name="connsiteY40" fmla="*/ 2291391 h 3128654"/>
              <a:gd name="connsiteX41" fmla="*/ 0 w 5553123"/>
              <a:gd name="connsiteY41" fmla="*/ 2291391 h 3128654"/>
              <a:gd name="connsiteX42" fmla="*/ 5214998 w 5553123"/>
              <a:gd name="connsiteY42" fmla="*/ 0 h 3128654"/>
              <a:gd name="connsiteX43" fmla="*/ 5474410 w 5553123"/>
              <a:gd name="connsiteY43" fmla="*/ 55393 h 3128654"/>
              <a:gd name="connsiteX44" fmla="*/ 5386944 w 5553123"/>
              <a:gd name="connsiteY44" fmla="*/ 367187 h 3128654"/>
              <a:gd name="connsiteX45" fmla="*/ 5241258 w 5553123"/>
              <a:gd name="connsiteY45" fmla="*/ 340932 h 3128654"/>
              <a:gd name="connsiteX46" fmla="*/ 5025544 w 5553123"/>
              <a:gd name="connsiteY46" fmla="*/ 579901 h 3128654"/>
              <a:gd name="connsiteX47" fmla="*/ 5025544 w 5553123"/>
              <a:gd name="connsiteY47" fmla="*/ 837299 h 3128654"/>
              <a:gd name="connsiteX48" fmla="*/ 5553123 w 5553123"/>
              <a:gd name="connsiteY48" fmla="*/ 837402 h 3128654"/>
              <a:gd name="connsiteX49" fmla="*/ 5553123 w 5553123"/>
              <a:gd name="connsiteY49" fmla="*/ 1152113 h 3128654"/>
              <a:gd name="connsiteX50" fmla="*/ 5025544 w 5553123"/>
              <a:gd name="connsiteY50" fmla="*/ 1152113 h 3128654"/>
              <a:gd name="connsiteX51" fmla="*/ 5025544 w 5553123"/>
              <a:gd name="connsiteY51" fmla="*/ 2291528 h 3128654"/>
              <a:gd name="connsiteX52" fmla="*/ 4640802 w 5553123"/>
              <a:gd name="connsiteY52" fmla="*/ 2291528 h 3128654"/>
              <a:gd name="connsiteX53" fmla="*/ 4640802 w 5553123"/>
              <a:gd name="connsiteY53" fmla="*/ 1152113 h 3128654"/>
              <a:gd name="connsiteX54" fmla="*/ 4423612 w 5553123"/>
              <a:gd name="connsiteY54" fmla="*/ 1152113 h 3128654"/>
              <a:gd name="connsiteX55" fmla="*/ 4423612 w 5553123"/>
              <a:gd name="connsiteY55" fmla="*/ 837402 h 3128654"/>
              <a:gd name="connsiteX56" fmla="*/ 4640802 w 5553123"/>
              <a:gd name="connsiteY56" fmla="*/ 837402 h 3128654"/>
              <a:gd name="connsiteX57" fmla="*/ 4640802 w 5553123"/>
              <a:gd name="connsiteY57" fmla="*/ 580004 h 3128654"/>
              <a:gd name="connsiteX58" fmla="*/ 5214998 w 5553123"/>
              <a:gd name="connsiteY58" fmla="*/ 0 h 31286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5553123" h="3128654">
                <a:moveTo>
                  <a:pt x="3991223" y="1407246"/>
                </a:moveTo>
                <a:lnTo>
                  <a:pt x="3430346" y="1968030"/>
                </a:lnTo>
                <a:cubicBezTo>
                  <a:pt x="3483553" y="1989213"/>
                  <a:pt x="3540297" y="2000023"/>
                  <a:pt x="3597555" y="1999879"/>
                </a:cubicBezTo>
                <a:cubicBezTo>
                  <a:pt x="3819070" y="1999879"/>
                  <a:pt x="4017277" y="1836826"/>
                  <a:pt x="4017277" y="1565700"/>
                </a:cubicBezTo>
                <a:lnTo>
                  <a:pt x="4017243" y="1565803"/>
                </a:lnTo>
                <a:cubicBezTo>
                  <a:pt x="4017518" y="1511866"/>
                  <a:pt x="4008729" y="1458269"/>
                  <a:pt x="3991223" y="1407246"/>
                </a:cubicBezTo>
                <a:close/>
                <a:moveTo>
                  <a:pt x="3597692" y="1131487"/>
                </a:moveTo>
                <a:cubicBezTo>
                  <a:pt x="3370204" y="1131487"/>
                  <a:pt x="3172031" y="1294574"/>
                  <a:pt x="3172031" y="1565700"/>
                </a:cubicBezTo>
                <a:lnTo>
                  <a:pt x="3171997" y="1565803"/>
                </a:lnTo>
                <a:cubicBezTo>
                  <a:pt x="3171757" y="1618927"/>
                  <a:pt x="3180304" y="1671724"/>
                  <a:pt x="3197296" y="1722061"/>
                </a:cubicBezTo>
                <a:lnTo>
                  <a:pt x="3757830" y="1161723"/>
                </a:lnTo>
                <a:cubicBezTo>
                  <a:pt x="3706819" y="1141649"/>
                  <a:pt x="3652513" y="1131391"/>
                  <a:pt x="3597692" y="1131487"/>
                </a:cubicBezTo>
                <a:close/>
                <a:moveTo>
                  <a:pt x="2205438" y="837298"/>
                </a:moveTo>
                <a:lnTo>
                  <a:pt x="2590180" y="837298"/>
                </a:lnTo>
                <a:lnTo>
                  <a:pt x="2590180" y="2548651"/>
                </a:lnTo>
                <a:cubicBezTo>
                  <a:pt x="2590180" y="2895520"/>
                  <a:pt x="2359911" y="3128654"/>
                  <a:pt x="2015984" y="3128654"/>
                </a:cubicBezTo>
                <a:cubicBezTo>
                  <a:pt x="1922717" y="3128654"/>
                  <a:pt x="1838202" y="3111014"/>
                  <a:pt x="1756572" y="3073262"/>
                </a:cubicBezTo>
                <a:lnTo>
                  <a:pt x="1844038" y="2761571"/>
                </a:lnTo>
                <a:cubicBezTo>
                  <a:pt x="1896456" y="2779074"/>
                  <a:pt x="1948909" y="2787791"/>
                  <a:pt x="1989724" y="2787791"/>
                </a:cubicBezTo>
                <a:cubicBezTo>
                  <a:pt x="2118006" y="2787791"/>
                  <a:pt x="2205438" y="2691627"/>
                  <a:pt x="2205438" y="2548857"/>
                </a:cubicBezTo>
                <a:close/>
                <a:moveTo>
                  <a:pt x="4139105" y="780499"/>
                </a:moveTo>
                <a:lnTo>
                  <a:pt x="4378642" y="1020017"/>
                </a:lnTo>
                <a:lnTo>
                  <a:pt x="4263474" y="1135365"/>
                </a:lnTo>
                <a:cubicBezTo>
                  <a:pt x="4343457" y="1255038"/>
                  <a:pt x="4390485" y="1401034"/>
                  <a:pt x="4390485" y="1565769"/>
                </a:cubicBezTo>
                <a:cubicBezTo>
                  <a:pt x="4390485" y="2023285"/>
                  <a:pt x="4028880" y="2335080"/>
                  <a:pt x="3597520" y="2335080"/>
                </a:cubicBezTo>
                <a:cubicBezTo>
                  <a:pt x="3442429" y="2335080"/>
                  <a:pt x="3296983" y="2295681"/>
                  <a:pt x="3173748" y="2224604"/>
                </a:cubicBezTo>
                <a:lnTo>
                  <a:pt x="3050169" y="2348155"/>
                </a:lnTo>
                <a:lnTo>
                  <a:pt x="2810563" y="2108707"/>
                </a:lnTo>
                <a:lnTo>
                  <a:pt x="2925320" y="1993976"/>
                </a:lnTo>
                <a:cubicBezTo>
                  <a:pt x="2845543" y="1875058"/>
                  <a:pt x="2798892" y="1729886"/>
                  <a:pt x="2798892" y="1565838"/>
                </a:cubicBezTo>
                <a:cubicBezTo>
                  <a:pt x="2798892" y="1108390"/>
                  <a:pt x="3160291" y="793644"/>
                  <a:pt x="3597486" y="793644"/>
                </a:cubicBezTo>
                <a:cubicBezTo>
                  <a:pt x="3749866" y="793644"/>
                  <a:pt x="3893424" y="833077"/>
                  <a:pt x="4015526" y="904050"/>
                </a:cubicBezTo>
                <a:close/>
                <a:moveTo>
                  <a:pt x="396379" y="435140"/>
                </a:moveTo>
                <a:lnTo>
                  <a:pt x="396379" y="1932956"/>
                </a:lnTo>
                <a:lnTo>
                  <a:pt x="846344" y="1932956"/>
                </a:lnTo>
                <a:cubicBezTo>
                  <a:pt x="1298059" y="1932956"/>
                  <a:pt x="1601274" y="1632830"/>
                  <a:pt x="1601274" y="1184065"/>
                </a:cubicBezTo>
                <a:cubicBezTo>
                  <a:pt x="1601274" y="735300"/>
                  <a:pt x="1298128" y="435140"/>
                  <a:pt x="846344" y="435140"/>
                </a:cubicBezTo>
                <a:close/>
                <a:moveTo>
                  <a:pt x="0" y="76739"/>
                </a:moveTo>
                <a:lnTo>
                  <a:pt x="820049" y="76739"/>
                </a:lnTo>
                <a:cubicBezTo>
                  <a:pt x="1528328" y="76739"/>
                  <a:pt x="2000502" y="519670"/>
                  <a:pt x="2000502" y="1184065"/>
                </a:cubicBezTo>
                <a:cubicBezTo>
                  <a:pt x="2000502" y="1848460"/>
                  <a:pt x="1528328" y="2291391"/>
                  <a:pt x="820049" y="2291391"/>
                </a:cubicBezTo>
                <a:lnTo>
                  <a:pt x="0" y="2291391"/>
                </a:lnTo>
                <a:close/>
                <a:moveTo>
                  <a:pt x="5214998" y="0"/>
                </a:moveTo>
                <a:cubicBezTo>
                  <a:pt x="5308265" y="0"/>
                  <a:pt x="5392780" y="17641"/>
                  <a:pt x="5474410" y="55393"/>
                </a:cubicBezTo>
                <a:lnTo>
                  <a:pt x="5386944" y="367187"/>
                </a:lnTo>
                <a:cubicBezTo>
                  <a:pt x="5334526" y="349684"/>
                  <a:pt x="5282074" y="340932"/>
                  <a:pt x="5241258" y="340932"/>
                </a:cubicBezTo>
                <a:cubicBezTo>
                  <a:pt x="5112976" y="340932"/>
                  <a:pt x="5025544" y="437131"/>
                  <a:pt x="5025544" y="579901"/>
                </a:cubicBezTo>
                <a:lnTo>
                  <a:pt x="5025544" y="837299"/>
                </a:lnTo>
                <a:lnTo>
                  <a:pt x="5553123" y="837402"/>
                </a:lnTo>
                <a:lnTo>
                  <a:pt x="5553123" y="1152113"/>
                </a:lnTo>
                <a:lnTo>
                  <a:pt x="5025544" y="1152113"/>
                </a:lnTo>
                <a:lnTo>
                  <a:pt x="5025544" y="2291528"/>
                </a:lnTo>
                <a:lnTo>
                  <a:pt x="4640802" y="2291528"/>
                </a:lnTo>
                <a:lnTo>
                  <a:pt x="4640802" y="1152113"/>
                </a:lnTo>
                <a:lnTo>
                  <a:pt x="4423612" y="1152113"/>
                </a:lnTo>
                <a:lnTo>
                  <a:pt x="4423612" y="837402"/>
                </a:lnTo>
                <a:lnTo>
                  <a:pt x="4640802" y="837402"/>
                </a:lnTo>
                <a:lnTo>
                  <a:pt x="4640802" y="580004"/>
                </a:lnTo>
                <a:cubicBezTo>
                  <a:pt x="4640802" y="233134"/>
                  <a:pt x="4871070" y="0"/>
                  <a:pt x="5214998" y="0"/>
                </a:cubicBezTo>
                <a:close/>
              </a:path>
            </a:pathLst>
          </a:custGeom>
          <a:solidFill>
            <a:srgbClr val="FFFFFF"/>
          </a:solidFill>
          <a:ln w="3432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sp>
        <p:nvSpPr>
          <p:cNvPr id="6" name="5.element top">
            <a:extLst>
              <a:ext uri="{FF2B5EF4-FFF2-40B4-BE49-F238E27FC236}">
                <a16:creationId xmlns:a16="http://schemas.microsoft.com/office/drawing/2014/main" id="{CE8F6B35-DEBD-2CEE-EA6D-C1827DF8D3AD}"/>
              </a:ext>
            </a:extLst>
          </p:cNvPr>
          <p:cNvSpPr/>
          <p:nvPr userDrawn="1"/>
        </p:nvSpPr>
        <p:spPr>
          <a:xfrm>
            <a:off x="4929188" y="0"/>
            <a:ext cx="1928812" cy="6096000"/>
          </a:xfrm>
          <a:prstGeom prst="rtTriangle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20250" rIns="40500" bIns="2025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900" dirty="0">
              <a:solidFill>
                <a:schemeClr val="accent2"/>
              </a:solidFill>
            </a:endParaRPr>
          </a:p>
        </p:txBody>
      </p:sp>
      <p:sp>
        <p:nvSpPr>
          <p:cNvPr id="7" name="5.element bund">
            <a:extLst>
              <a:ext uri="{FF2B5EF4-FFF2-40B4-BE49-F238E27FC236}">
                <a16:creationId xmlns:a16="http://schemas.microsoft.com/office/drawing/2014/main" id="{757A6933-43A8-ACEA-412C-6C8E0BDDE60D}"/>
              </a:ext>
            </a:extLst>
          </p:cNvPr>
          <p:cNvSpPr/>
          <p:nvPr userDrawn="1"/>
        </p:nvSpPr>
        <p:spPr>
          <a:xfrm>
            <a:off x="4929188" y="6096000"/>
            <a:ext cx="1928812" cy="6096000"/>
          </a:xfrm>
          <a:prstGeom prst="ellipse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20250" rIns="40500" bIns="2025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900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 bwMode="white">
          <a:xfrm>
            <a:off x="303751" y="637822"/>
            <a:ext cx="4099479" cy="320000"/>
          </a:xfrm>
        </p:spPr>
        <p:txBody>
          <a:bodyPr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506">
                <a:solidFill>
                  <a:schemeClr val="bg1"/>
                </a:solidFill>
              </a:defRPr>
            </a:lvl1pPr>
            <a:lvl2pPr marL="0" indent="0" algn="l">
              <a:buFont typeface="Arial" panose="020B0604020202020204" pitchFamily="34" charset="0"/>
              <a:buChar char="​"/>
              <a:defRPr sz="1125"/>
            </a:lvl2pPr>
            <a:lvl3pPr marL="0" indent="0" algn="l">
              <a:buFont typeface="Arial" panose="020B0604020202020204" pitchFamily="34" charset="0"/>
              <a:buChar char="​"/>
              <a:defRPr sz="1125"/>
            </a:lvl3pPr>
            <a:lvl4pPr marL="0" indent="0" algn="l">
              <a:buFont typeface="Arial" panose="020B0604020202020204" pitchFamily="34" charset="0"/>
              <a:buChar char="​"/>
              <a:defRPr sz="1125"/>
            </a:lvl4pPr>
            <a:lvl5pPr marL="0" indent="0" algn="l">
              <a:buFont typeface="Arial" panose="020B0604020202020204" pitchFamily="34" charset="0"/>
              <a:buChar char="​"/>
              <a:defRPr sz="1125"/>
            </a:lvl5pPr>
            <a:lvl6pPr marL="0" indent="0" algn="l">
              <a:buFont typeface="Arial" panose="020B0604020202020204" pitchFamily="34" charset="0"/>
              <a:buChar char="​"/>
              <a:defRPr sz="1125"/>
            </a:lvl6pPr>
            <a:lvl7pPr marL="0" indent="0" algn="l">
              <a:buFont typeface="Arial" panose="020B0604020202020204" pitchFamily="34" charset="0"/>
              <a:buChar char="​"/>
              <a:defRPr sz="1125"/>
            </a:lvl7pPr>
            <a:lvl8pPr marL="0" indent="0" algn="l">
              <a:buFont typeface="Arial" panose="020B0604020202020204" pitchFamily="34" charset="0"/>
              <a:buChar char="​"/>
              <a:defRPr sz="1125"/>
            </a:lvl8pPr>
            <a:lvl9pPr marL="0" indent="0" algn="l">
              <a:buFont typeface="Arial" panose="020B0604020202020204" pitchFamily="34" charset="0"/>
              <a:buChar char="​"/>
              <a:defRPr sz="1125"/>
            </a:lvl9pPr>
          </a:lstStyle>
          <a:p>
            <a:r>
              <a:rPr lang="da-DK"/>
              <a:t>Klik for at redigere undertiteltypografien i masteren</a:t>
            </a:r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 bwMode="white">
          <a:xfrm>
            <a:off x="303610" y="3812821"/>
            <a:ext cx="4099621" cy="4441600"/>
          </a:xfrm>
        </p:spPr>
        <p:txBody>
          <a:bodyPr anchor="ctr"/>
          <a:lstStyle>
            <a:lvl1pPr algn="l">
              <a:defRPr sz="3038"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8" name="Date Placeholder 4">
            <a:extLst>
              <a:ext uri="{FF2B5EF4-FFF2-40B4-BE49-F238E27FC236}">
                <a16:creationId xmlns:a16="http://schemas.microsoft.com/office/drawing/2014/main" id="{E5326928-A05B-ED44-6A32-F39B7662879B}"/>
              </a:ext>
            </a:extLst>
          </p:cNvPr>
          <p:cNvSpPr>
            <a:spLocks noGrp="1"/>
          </p:cNvSpPr>
          <p:nvPr>
            <p:ph type="dt" sz="half" idx="10"/>
          </p:nvPr>
        </p:nvSpPr>
        <p:spPr bwMode="white">
          <a:xfrm>
            <a:off x="306388" y="11231563"/>
            <a:ext cx="871537" cy="319087"/>
          </a:xfrm>
        </p:spPr>
        <p:txBody>
          <a:bodyPr anchor="b"/>
          <a:lstStyle>
            <a:lvl1pPr>
              <a:defRPr smtClean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A128C721-4E62-4526-B2E8-FE96D6E2C90E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9" name="Footer Placeholder 5">
            <a:extLst>
              <a:ext uri="{FF2B5EF4-FFF2-40B4-BE49-F238E27FC236}">
                <a16:creationId xmlns:a16="http://schemas.microsoft.com/office/drawing/2014/main" id="{1D0CE1CC-7428-D4FD-378C-6378F9CA0FF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 bwMode="white">
          <a:xfrm>
            <a:off x="1379538" y="11231563"/>
            <a:ext cx="3024187" cy="319087"/>
          </a:xfrm>
        </p:spPr>
        <p:txBody>
          <a:bodyPr anchor="b"/>
          <a:lstStyle>
            <a:lvl1pPr>
              <a:defRPr dirty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10" name="Slide Number Placeholder 14" hidden="1">
            <a:extLst>
              <a:ext uri="{FF2B5EF4-FFF2-40B4-BE49-F238E27FC236}">
                <a16:creationId xmlns:a16="http://schemas.microsoft.com/office/drawing/2014/main" id="{1F8DC064-F4B2-22F6-1972-E354A5FF061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12192000"/>
            <a:ext cx="0" cy="0"/>
          </a:xfrm>
        </p:spPr>
        <p:txBody>
          <a:bodyPr/>
          <a:lstStyle>
            <a:lvl1pPr>
              <a:defRPr smtClean="0">
                <a:noFill/>
              </a:defRPr>
            </a:lvl1pPr>
          </a:lstStyle>
          <a:p>
            <a:pPr>
              <a:defRPr/>
            </a:pPr>
            <a:fld id="{CA8ED67E-5ACC-4A5E-82B0-319C7A16EDC1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77719243"/>
      </p:ext>
    </p:extLst>
  </p:cSld>
  <p:clrMapOvr>
    <a:masterClrMapping/>
  </p:clrMapOvr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F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ggrund">
            <a:extLst>
              <a:ext uri="{FF2B5EF4-FFF2-40B4-BE49-F238E27FC236}">
                <a16:creationId xmlns:a16="http://schemas.microsoft.com/office/drawing/2014/main" id="{BBD4C323-4C88-1BAE-7DAC-810DF5FEB250}"/>
              </a:ext>
            </a:extLst>
          </p:cNvPr>
          <p:cNvSpPr/>
          <p:nvPr/>
        </p:nvSpPr>
        <p:spPr bwMode="ltGray">
          <a:xfrm>
            <a:off x="0" y="0"/>
            <a:ext cx="6858000" cy="12192000"/>
          </a:xfrm>
          <a:custGeom>
            <a:avLst/>
            <a:gdLst>
              <a:gd name="connsiteX0" fmla="*/ -1 w 57499186"/>
              <a:gd name="connsiteY0" fmla="*/ 0 h 32343280"/>
              <a:gd name="connsiteX1" fmla="*/ 57499184 w 57499186"/>
              <a:gd name="connsiteY1" fmla="*/ 0 h 32343280"/>
              <a:gd name="connsiteX2" fmla="*/ 57499184 w 57499186"/>
              <a:gd name="connsiteY2" fmla="*/ 32343280 h 32343280"/>
              <a:gd name="connsiteX3" fmla="*/ -1 w 57499186"/>
              <a:gd name="connsiteY3" fmla="*/ 32343280 h 3234328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57499186" h="32343280">
                <a:moveTo>
                  <a:pt x="-1" y="0"/>
                </a:moveTo>
                <a:lnTo>
                  <a:pt x="57499184" y="0"/>
                </a:lnTo>
                <a:lnTo>
                  <a:pt x="57499184" y="32343280"/>
                </a:lnTo>
                <a:lnTo>
                  <a:pt x="-1" y="32343280"/>
                </a:lnTo>
                <a:close/>
              </a:path>
            </a:pathLst>
          </a:custGeom>
          <a:solidFill>
            <a:schemeClr val="accent1"/>
          </a:solidFill>
          <a:ln w="9525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sp>
        <p:nvSpPr>
          <p:cNvPr id="4" name="5.element top">
            <a:extLst>
              <a:ext uri="{FF2B5EF4-FFF2-40B4-BE49-F238E27FC236}">
                <a16:creationId xmlns:a16="http://schemas.microsoft.com/office/drawing/2014/main" id="{0EDB6B5B-5DA0-1F0F-B97F-2AD13411A365}"/>
              </a:ext>
            </a:extLst>
          </p:cNvPr>
          <p:cNvSpPr/>
          <p:nvPr/>
        </p:nvSpPr>
        <p:spPr>
          <a:xfrm>
            <a:off x="4929188" y="0"/>
            <a:ext cx="1928812" cy="6096000"/>
          </a:xfrm>
          <a:prstGeom prst="rtTriangle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20250" rIns="40500" bIns="2025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900" dirty="0">
              <a:solidFill>
                <a:schemeClr val="accent2"/>
              </a:solidFill>
            </a:endParaRPr>
          </a:p>
        </p:txBody>
      </p:sp>
      <p:sp>
        <p:nvSpPr>
          <p:cNvPr id="5" name="5.element bund">
            <a:extLst>
              <a:ext uri="{FF2B5EF4-FFF2-40B4-BE49-F238E27FC236}">
                <a16:creationId xmlns:a16="http://schemas.microsoft.com/office/drawing/2014/main" id="{20AE1E38-81C4-DB64-F134-201806480E3A}"/>
              </a:ext>
            </a:extLst>
          </p:cNvPr>
          <p:cNvSpPr/>
          <p:nvPr userDrawn="1"/>
        </p:nvSpPr>
        <p:spPr>
          <a:xfrm>
            <a:off x="4929188" y="6096000"/>
            <a:ext cx="1928812" cy="6096000"/>
          </a:xfrm>
          <a:prstGeom prst="ellipse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20250" rIns="40500" bIns="2025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900" dirty="0"/>
          </a:p>
        </p:txBody>
      </p:sp>
      <p:sp>
        <p:nvSpPr>
          <p:cNvPr id="6" name="Logo">
            <a:extLst>
              <a:ext uri="{FF2B5EF4-FFF2-40B4-BE49-F238E27FC236}">
                <a16:creationId xmlns:a16="http://schemas.microsoft.com/office/drawing/2014/main" id="{7CDE9E31-0940-5AB9-F715-B526BD9BD5C1}"/>
              </a:ext>
            </a:extLst>
          </p:cNvPr>
          <p:cNvSpPr/>
          <p:nvPr userDrawn="1"/>
        </p:nvSpPr>
        <p:spPr bwMode="white">
          <a:xfrm>
            <a:off x="6197600" y="639763"/>
            <a:ext cx="355600" cy="635000"/>
          </a:xfrm>
          <a:custGeom>
            <a:avLst/>
            <a:gdLst>
              <a:gd name="connsiteX0" fmla="*/ 3991223 w 5553123"/>
              <a:gd name="connsiteY0" fmla="*/ 1407246 h 3128654"/>
              <a:gd name="connsiteX1" fmla="*/ 3430346 w 5553123"/>
              <a:gd name="connsiteY1" fmla="*/ 1968030 h 3128654"/>
              <a:gd name="connsiteX2" fmla="*/ 3597555 w 5553123"/>
              <a:gd name="connsiteY2" fmla="*/ 1999879 h 3128654"/>
              <a:gd name="connsiteX3" fmla="*/ 4017277 w 5553123"/>
              <a:gd name="connsiteY3" fmla="*/ 1565700 h 3128654"/>
              <a:gd name="connsiteX4" fmla="*/ 4017243 w 5553123"/>
              <a:gd name="connsiteY4" fmla="*/ 1565803 h 3128654"/>
              <a:gd name="connsiteX5" fmla="*/ 3991223 w 5553123"/>
              <a:gd name="connsiteY5" fmla="*/ 1407246 h 3128654"/>
              <a:gd name="connsiteX6" fmla="*/ 3597692 w 5553123"/>
              <a:gd name="connsiteY6" fmla="*/ 1131487 h 3128654"/>
              <a:gd name="connsiteX7" fmla="*/ 3172031 w 5553123"/>
              <a:gd name="connsiteY7" fmla="*/ 1565700 h 3128654"/>
              <a:gd name="connsiteX8" fmla="*/ 3171997 w 5553123"/>
              <a:gd name="connsiteY8" fmla="*/ 1565803 h 3128654"/>
              <a:gd name="connsiteX9" fmla="*/ 3197296 w 5553123"/>
              <a:gd name="connsiteY9" fmla="*/ 1722061 h 3128654"/>
              <a:gd name="connsiteX10" fmla="*/ 3757830 w 5553123"/>
              <a:gd name="connsiteY10" fmla="*/ 1161723 h 3128654"/>
              <a:gd name="connsiteX11" fmla="*/ 3597692 w 5553123"/>
              <a:gd name="connsiteY11" fmla="*/ 1131487 h 3128654"/>
              <a:gd name="connsiteX12" fmla="*/ 2205438 w 5553123"/>
              <a:gd name="connsiteY12" fmla="*/ 837298 h 3128654"/>
              <a:gd name="connsiteX13" fmla="*/ 2590180 w 5553123"/>
              <a:gd name="connsiteY13" fmla="*/ 837298 h 3128654"/>
              <a:gd name="connsiteX14" fmla="*/ 2590180 w 5553123"/>
              <a:gd name="connsiteY14" fmla="*/ 2548651 h 3128654"/>
              <a:gd name="connsiteX15" fmla="*/ 2015984 w 5553123"/>
              <a:gd name="connsiteY15" fmla="*/ 3128654 h 3128654"/>
              <a:gd name="connsiteX16" fmla="*/ 1756572 w 5553123"/>
              <a:gd name="connsiteY16" fmla="*/ 3073262 h 3128654"/>
              <a:gd name="connsiteX17" fmla="*/ 1844038 w 5553123"/>
              <a:gd name="connsiteY17" fmla="*/ 2761571 h 3128654"/>
              <a:gd name="connsiteX18" fmla="*/ 1989724 w 5553123"/>
              <a:gd name="connsiteY18" fmla="*/ 2787791 h 3128654"/>
              <a:gd name="connsiteX19" fmla="*/ 2205438 w 5553123"/>
              <a:gd name="connsiteY19" fmla="*/ 2548857 h 3128654"/>
              <a:gd name="connsiteX20" fmla="*/ 4139105 w 5553123"/>
              <a:gd name="connsiteY20" fmla="*/ 780499 h 3128654"/>
              <a:gd name="connsiteX21" fmla="*/ 4378642 w 5553123"/>
              <a:gd name="connsiteY21" fmla="*/ 1020017 h 3128654"/>
              <a:gd name="connsiteX22" fmla="*/ 4263474 w 5553123"/>
              <a:gd name="connsiteY22" fmla="*/ 1135365 h 3128654"/>
              <a:gd name="connsiteX23" fmla="*/ 4390485 w 5553123"/>
              <a:gd name="connsiteY23" fmla="*/ 1565769 h 3128654"/>
              <a:gd name="connsiteX24" fmla="*/ 3597520 w 5553123"/>
              <a:gd name="connsiteY24" fmla="*/ 2335080 h 3128654"/>
              <a:gd name="connsiteX25" fmla="*/ 3173748 w 5553123"/>
              <a:gd name="connsiteY25" fmla="*/ 2224604 h 3128654"/>
              <a:gd name="connsiteX26" fmla="*/ 3050169 w 5553123"/>
              <a:gd name="connsiteY26" fmla="*/ 2348155 h 3128654"/>
              <a:gd name="connsiteX27" fmla="*/ 2810563 w 5553123"/>
              <a:gd name="connsiteY27" fmla="*/ 2108707 h 3128654"/>
              <a:gd name="connsiteX28" fmla="*/ 2925320 w 5553123"/>
              <a:gd name="connsiteY28" fmla="*/ 1993976 h 3128654"/>
              <a:gd name="connsiteX29" fmla="*/ 2798892 w 5553123"/>
              <a:gd name="connsiteY29" fmla="*/ 1565838 h 3128654"/>
              <a:gd name="connsiteX30" fmla="*/ 3597486 w 5553123"/>
              <a:gd name="connsiteY30" fmla="*/ 793644 h 3128654"/>
              <a:gd name="connsiteX31" fmla="*/ 4015526 w 5553123"/>
              <a:gd name="connsiteY31" fmla="*/ 904050 h 3128654"/>
              <a:gd name="connsiteX32" fmla="*/ 396379 w 5553123"/>
              <a:gd name="connsiteY32" fmla="*/ 435140 h 3128654"/>
              <a:gd name="connsiteX33" fmla="*/ 396379 w 5553123"/>
              <a:gd name="connsiteY33" fmla="*/ 1932956 h 3128654"/>
              <a:gd name="connsiteX34" fmla="*/ 846344 w 5553123"/>
              <a:gd name="connsiteY34" fmla="*/ 1932956 h 3128654"/>
              <a:gd name="connsiteX35" fmla="*/ 1601274 w 5553123"/>
              <a:gd name="connsiteY35" fmla="*/ 1184065 h 3128654"/>
              <a:gd name="connsiteX36" fmla="*/ 846344 w 5553123"/>
              <a:gd name="connsiteY36" fmla="*/ 435140 h 3128654"/>
              <a:gd name="connsiteX37" fmla="*/ 0 w 5553123"/>
              <a:gd name="connsiteY37" fmla="*/ 76739 h 3128654"/>
              <a:gd name="connsiteX38" fmla="*/ 820049 w 5553123"/>
              <a:gd name="connsiteY38" fmla="*/ 76739 h 3128654"/>
              <a:gd name="connsiteX39" fmla="*/ 2000502 w 5553123"/>
              <a:gd name="connsiteY39" fmla="*/ 1184065 h 3128654"/>
              <a:gd name="connsiteX40" fmla="*/ 820049 w 5553123"/>
              <a:gd name="connsiteY40" fmla="*/ 2291391 h 3128654"/>
              <a:gd name="connsiteX41" fmla="*/ 0 w 5553123"/>
              <a:gd name="connsiteY41" fmla="*/ 2291391 h 3128654"/>
              <a:gd name="connsiteX42" fmla="*/ 5214998 w 5553123"/>
              <a:gd name="connsiteY42" fmla="*/ 0 h 3128654"/>
              <a:gd name="connsiteX43" fmla="*/ 5474410 w 5553123"/>
              <a:gd name="connsiteY43" fmla="*/ 55393 h 3128654"/>
              <a:gd name="connsiteX44" fmla="*/ 5386944 w 5553123"/>
              <a:gd name="connsiteY44" fmla="*/ 367187 h 3128654"/>
              <a:gd name="connsiteX45" fmla="*/ 5241258 w 5553123"/>
              <a:gd name="connsiteY45" fmla="*/ 340932 h 3128654"/>
              <a:gd name="connsiteX46" fmla="*/ 5025544 w 5553123"/>
              <a:gd name="connsiteY46" fmla="*/ 579901 h 3128654"/>
              <a:gd name="connsiteX47" fmla="*/ 5025544 w 5553123"/>
              <a:gd name="connsiteY47" fmla="*/ 837299 h 3128654"/>
              <a:gd name="connsiteX48" fmla="*/ 5553123 w 5553123"/>
              <a:gd name="connsiteY48" fmla="*/ 837402 h 3128654"/>
              <a:gd name="connsiteX49" fmla="*/ 5553123 w 5553123"/>
              <a:gd name="connsiteY49" fmla="*/ 1152113 h 3128654"/>
              <a:gd name="connsiteX50" fmla="*/ 5025544 w 5553123"/>
              <a:gd name="connsiteY50" fmla="*/ 1152113 h 3128654"/>
              <a:gd name="connsiteX51" fmla="*/ 5025544 w 5553123"/>
              <a:gd name="connsiteY51" fmla="*/ 2291528 h 3128654"/>
              <a:gd name="connsiteX52" fmla="*/ 4640802 w 5553123"/>
              <a:gd name="connsiteY52" fmla="*/ 2291528 h 3128654"/>
              <a:gd name="connsiteX53" fmla="*/ 4640802 w 5553123"/>
              <a:gd name="connsiteY53" fmla="*/ 1152113 h 3128654"/>
              <a:gd name="connsiteX54" fmla="*/ 4423612 w 5553123"/>
              <a:gd name="connsiteY54" fmla="*/ 1152113 h 3128654"/>
              <a:gd name="connsiteX55" fmla="*/ 4423612 w 5553123"/>
              <a:gd name="connsiteY55" fmla="*/ 837402 h 3128654"/>
              <a:gd name="connsiteX56" fmla="*/ 4640802 w 5553123"/>
              <a:gd name="connsiteY56" fmla="*/ 837402 h 3128654"/>
              <a:gd name="connsiteX57" fmla="*/ 4640802 w 5553123"/>
              <a:gd name="connsiteY57" fmla="*/ 580004 h 3128654"/>
              <a:gd name="connsiteX58" fmla="*/ 5214998 w 5553123"/>
              <a:gd name="connsiteY58" fmla="*/ 0 h 31286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5553123" h="3128654">
                <a:moveTo>
                  <a:pt x="3991223" y="1407246"/>
                </a:moveTo>
                <a:lnTo>
                  <a:pt x="3430346" y="1968030"/>
                </a:lnTo>
                <a:cubicBezTo>
                  <a:pt x="3483553" y="1989213"/>
                  <a:pt x="3540297" y="2000023"/>
                  <a:pt x="3597555" y="1999879"/>
                </a:cubicBezTo>
                <a:cubicBezTo>
                  <a:pt x="3819070" y="1999879"/>
                  <a:pt x="4017277" y="1836826"/>
                  <a:pt x="4017277" y="1565700"/>
                </a:cubicBezTo>
                <a:lnTo>
                  <a:pt x="4017243" y="1565803"/>
                </a:lnTo>
                <a:cubicBezTo>
                  <a:pt x="4017518" y="1511866"/>
                  <a:pt x="4008729" y="1458269"/>
                  <a:pt x="3991223" y="1407246"/>
                </a:cubicBezTo>
                <a:close/>
                <a:moveTo>
                  <a:pt x="3597692" y="1131487"/>
                </a:moveTo>
                <a:cubicBezTo>
                  <a:pt x="3370204" y="1131487"/>
                  <a:pt x="3172031" y="1294574"/>
                  <a:pt x="3172031" y="1565700"/>
                </a:cubicBezTo>
                <a:lnTo>
                  <a:pt x="3171997" y="1565803"/>
                </a:lnTo>
                <a:cubicBezTo>
                  <a:pt x="3171757" y="1618927"/>
                  <a:pt x="3180304" y="1671724"/>
                  <a:pt x="3197296" y="1722061"/>
                </a:cubicBezTo>
                <a:lnTo>
                  <a:pt x="3757830" y="1161723"/>
                </a:lnTo>
                <a:cubicBezTo>
                  <a:pt x="3706819" y="1141649"/>
                  <a:pt x="3652513" y="1131391"/>
                  <a:pt x="3597692" y="1131487"/>
                </a:cubicBezTo>
                <a:close/>
                <a:moveTo>
                  <a:pt x="2205438" y="837298"/>
                </a:moveTo>
                <a:lnTo>
                  <a:pt x="2590180" y="837298"/>
                </a:lnTo>
                <a:lnTo>
                  <a:pt x="2590180" y="2548651"/>
                </a:lnTo>
                <a:cubicBezTo>
                  <a:pt x="2590180" y="2895520"/>
                  <a:pt x="2359911" y="3128654"/>
                  <a:pt x="2015984" y="3128654"/>
                </a:cubicBezTo>
                <a:cubicBezTo>
                  <a:pt x="1922717" y="3128654"/>
                  <a:pt x="1838202" y="3111014"/>
                  <a:pt x="1756572" y="3073262"/>
                </a:cubicBezTo>
                <a:lnTo>
                  <a:pt x="1844038" y="2761571"/>
                </a:lnTo>
                <a:cubicBezTo>
                  <a:pt x="1896456" y="2779074"/>
                  <a:pt x="1948909" y="2787791"/>
                  <a:pt x="1989724" y="2787791"/>
                </a:cubicBezTo>
                <a:cubicBezTo>
                  <a:pt x="2118006" y="2787791"/>
                  <a:pt x="2205438" y="2691627"/>
                  <a:pt x="2205438" y="2548857"/>
                </a:cubicBezTo>
                <a:close/>
                <a:moveTo>
                  <a:pt x="4139105" y="780499"/>
                </a:moveTo>
                <a:lnTo>
                  <a:pt x="4378642" y="1020017"/>
                </a:lnTo>
                <a:lnTo>
                  <a:pt x="4263474" y="1135365"/>
                </a:lnTo>
                <a:cubicBezTo>
                  <a:pt x="4343457" y="1255038"/>
                  <a:pt x="4390485" y="1401034"/>
                  <a:pt x="4390485" y="1565769"/>
                </a:cubicBezTo>
                <a:cubicBezTo>
                  <a:pt x="4390485" y="2023285"/>
                  <a:pt x="4028880" y="2335080"/>
                  <a:pt x="3597520" y="2335080"/>
                </a:cubicBezTo>
                <a:cubicBezTo>
                  <a:pt x="3442429" y="2335080"/>
                  <a:pt x="3296983" y="2295681"/>
                  <a:pt x="3173748" y="2224604"/>
                </a:cubicBezTo>
                <a:lnTo>
                  <a:pt x="3050169" y="2348155"/>
                </a:lnTo>
                <a:lnTo>
                  <a:pt x="2810563" y="2108707"/>
                </a:lnTo>
                <a:lnTo>
                  <a:pt x="2925320" y="1993976"/>
                </a:lnTo>
                <a:cubicBezTo>
                  <a:pt x="2845543" y="1875058"/>
                  <a:pt x="2798892" y="1729886"/>
                  <a:pt x="2798892" y="1565838"/>
                </a:cubicBezTo>
                <a:cubicBezTo>
                  <a:pt x="2798892" y="1108390"/>
                  <a:pt x="3160291" y="793644"/>
                  <a:pt x="3597486" y="793644"/>
                </a:cubicBezTo>
                <a:cubicBezTo>
                  <a:pt x="3749866" y="793644"/>
                  <a:pt x="3893424" y="833077"/>
                  <a:pt x="4015526" y="904050"/>
                </a:cubicBezTo>
                <a:close/>
                <a:moveTo>
                  <a:pt x="396379" y="435140"/>
                </a:moveTo>
                <a:lnTo>
                  <a:pt x="396379" y="1932956"/>
                </a:lnTo>
                <a:lnTo>
                  <a:pt x="846344" y="1932956"/>
                </a:lnTo>
                <a:cubicBezTo>
                  <a:pt x="1298059" y="1932956"/>
                  <a:pt x="1601274" y="1632830"/>
                  <a:pt x="1601274" y="1184065"/>
                </a:cubicBezTo>
                <a:cubicBezTo>
                  <a:pt x="1601274" y="735300"/>
                  <a:pt x="1298128" y="435140"/>
                  <a:pt x="846344" y="435140"/>
                </a:cubicBezTo>
                <a:close/>
                <a:moveTo>
                  <a:pt x="0" y="76739"/>
                </a:moveTo>
                <a:lnTo>
                  <a:pt x="820049" y="76739"/>
                </a:lnTo>
                <a:cubicBezTo>
                  <a:pt x="1528328" y="76739"/>
                  <a:pt x="2000502" y="519670"/>
                  <a:pt x="2000502" y="1184065"/>
                </a:cubicBezTo>
                <a:cubicBezTo>
                  <a:pt x="2000502" y="1848460"/>
                  <a:pt x="1528328" y="2291391"/>
                  <a:pt x="820049" y="2291391"/>
                </a:cubicBezTo>
                <a:lnTo>
                  <a:pt x="0" y="2291391"/>
                </a:lnTo>
                <a:close/>
                <a:moveTo>
                  <a:pt x="5214998" y="0"/>
                </a:moveTo>
                <a:cubicBezTo>
                  <a:pt x="5308265" y="0"/>
                  <a:pt x="5392780" y="17641"/>
                  <a:pt x="5474410" y="55393"/>
                </a:cubicBezTo>
                <a:lnTo>
                  <a:pt x="5386944" y="367187"/>
                </a:lnTo>
                <a:cubicBezTo>
                  <a:pt x="5334526" y="349684"/>
                  <a:pt x="5282074" y="340932"/>
                  <a:pt x="5241258" y="340932"/>
                </a:cubicBezTo>
                <a:cubicBezTo>
                  <a:pt x="5112976" y="340932"/>
                  <a:pt x="5025544" y="437131"/>
                  <a:pt x="5025544" y="579901"/>
                </a:cubicBezTo>
                <a:lnTo>
                  <a:pt x="5025544" y="837299"/>
                </a:lnTo>
                <a:lnTo>
                  <a:pt x="5553123" y="837402"/>
                </a:lnTo>
                <a:lnTo>
                  <a:pt x="5553123" y="1152113"/>
                </a:lnTo>
                <a:lnTo>
                  <a:pt x="5025544" y="1152113"/>
                </a:lnTo>
                <a:lnTo>
                  <a:pt x="5025544" y="2291528"/>
                </a:lnTo>
                <a:lnTo>
                  <a:pt x="4640802" y="2291528"/>
                </a:lnTo>
                <a:lnTo>
                  <a:pt x="4640802" y="1152113"/>
                </a:lnTo>
                <a:lnTo>
                  <a:pt x="4423612" y="1152113"/>
                </a:lnTo>
                <a:lnTo>
                  <a:pt x="4423612" y="837402"/>
                </a:lnTo>
                <a:lnTo>
                  <a:pt x="4640802" y="837402"/>
                </a:lnTo>
                <a:lnTo>
                  <a:pt x="4640802" y="580004"/>
                </a:lnTo>
                <a:cubicBezTo>
                  <a:pt x="4640802" y="233134"/>
                  <a:pt x="4871070" y="0"/>
                  <a:pt x="5214998" y="0"/>
                </a:cubicBezTo>
                <a:close/>
              </a:path>
            </a:pathLst>
          </a:custGeom>
          <a:solidFill>
            <a:srgbClr val="FFFFFF"/>
          </a:solidFill>
          <a:ln w="3432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 bwMode="white">
          <a:xfrm>
            <a:off x="303609" y="3812823"/>
            <a:ext cx="4099620" cy="4441600"/>
          </a:xfrm>
        </p:spPr>
        <p:txBody>
          <a:bodyPr anchor="ctr"/>
          <a:lstStyle>
            <a:lvl1pPr algn="l">
              <a:defRPr sz="3038"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A484645C-D11B-CD92-407F-A1D047779A6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 smtClean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240BB750-E883-4BE0-8292-84E1DD7C918E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8" name="Footer Placeholder 8">
            <a:extLst>
              <a:ext uri="{FF2B5EF4-FFF2-40B4-BE49-F238E27FC236}">
                <a16:creationId xmlns:a16="http://schemas.microsoft.com/office/drawing/2014/main" id="{D1F963A0-8FCA-615A-69D8-DDCDD081878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916113" y="639763"/>
            <a:ext cx="2487612" cy="320675"/>
          </a:xfrm>
        </p:spPr>
        <p:txBody>
          <a:bodyPr/>
          <a:lstStyle>
            <a:lvl1pPr>
              <a:defRPr dirty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9" name="Slide Number Placeholder 10">
            <a:extLst>
              <a:ext uri="{FF2B5EF4-FFF2-40B4-BE49-F238E27FC236}">
                <a16:creationId xmlns:a16="http://schemas.microsoft.com/office/drawing/2014/main" id="{C0BA0BB4-AC70-26BF-1CC5-5B057001C14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 smtClean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1CC479F-E4F4-4AF1-9CC0-C503251EA81D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030262465"/>
      </p:ext>
    </p:extLst>
  </p:cSld>
  <p:clrMapOvr>
    <a:masterClrMapping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ggrund">
            <a:extLst>
              <a:ext uri="{FF2B5EF4-FFF2-40B4-BE49-F238E27FC236}">
                <a16:creationId xmlns:a16="http://schemas.microsoft.com/office/drawing/2014/main" id="{AACCA837-9641-E27C-327F-E69A12F2DFAA}"/>
              </a:ext>
            </a:extLst>
          </p:cNvPr>
          <p:cNvSpPr/>
          <p:nvPr/>
        </p:nvSpPr>
        <p:spPr bwMode="gray">
          <a:xfrm>
            <a:off x="0" y="0"/>
            <a:ext cx="6858000" cy="12192000"/>
          </a:xfrm>
          <a:custGeom>
            <a:avLst/>
            <a:gdLst>
              <a:gd name="connsiteX0" fmla="*/ 0 w 10572750"/>
              <a:gd name="connsiteY0" fmla="*/ 0 h 10287000"/>
              <a:gd name="connsiteX1" fmla="*/ 10572750 w 10572750"/>
              <a:gd name="connsiteY1" fmla="*/ 0 h 10287000"/>
              <a:gd name="connsiteX2" fmla="*/ 10572750 w 10572750"/>
              <a:gd name="connsiteY2" fmla="*/ 10287000 h 10287000"/>
              <a:gd name="connsiteX3" fmla="*/ 0 w 10572750"/>
              <a:gd name="connsiteY3" fmla="*/ 10287000 h 10287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572750" h="10287000">
                <a:moveTo>
                  <a:pt x="0" y="0"/>
                </a:moveTo>
                <a:lnTo>
                  <a:pt x="10572750" y="0"/>
                </a:lnTo>
                <a:lnTo>
                  <a:pt x="10572750" y="10287000"/>
                </a:lnTo>
                <a:lnTo>
                  <a:pt x="0" y="10287000"/>
                </a:lnTo>
                <a:close/>
              </a:path>
            </a:pathLst>
          </a:custGeom>
          <a:solidFill>
            <a:schemeClr val="accent2"/>
          </a:solidFill>
          <a:ln w="9525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sp>
        <p:nvSpPr>
          <p:cNvPr id="4" name="5.element top">
            <a:extLst>
              <a:ext uri="{FF2B5EF4-FFF2-40B4-BE49-F238E27FC236}">
                <a16:creationId xmlns:a16="http://schemas.microsoft.com/office/drawing/2014/main" id="{3CEC4EAB-54A7-50C8-C84A-0FD810AF71D4}"/>
              </a:ext>
            </a:extLst>
          </p:cNvPr>
          <p:cNvSpPr/>
          <p:nvPr userDrawn="1"/>
        </p:nvSpPr>
        <p:spPr>
          <a:xfrm>
            <a:off x="4929188" y="0"/>
            <a:ext cx="1928812" cy="6096000"/>
          </a:xfrm>
          <a:prstGeom prst="rtTriangle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20250" rIns="40500" bIns="2025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900" dirty="0">
              <a:solidFill>
                <a:schemeClr val="accent2"/>
              </a:solidFill>
            </a:endParaRPr>
          </a:p>
        </p:txBody>
      </p:sp>
      <p:sp>
        <p:nvSpPr>
          <p:cNvPr id="5" name="5.element bund">
            <a:extLst>
              <a:ext uri="{FF2B5EF4-FFF2-40B4-BE49-F238E27FC236}">
                <a16:creationId xmlns:a16="http://schemas.microsoft.com/office/drawing/2014/main" id="{C0B91B38-2D03-FAAE-0308-B01B8FB89B47}"/>
              </a:ext>
            </a:extLst>
          </p:cNvPr>
          <p:cNvSpPr/>
          <p:nvPr userDrawn="1"/>
        </p:nvSpPr>
        <p:spPr>
          <a:xfrm>
            <a:off x="4929188" y="6096000"/>
            <a:ext cx="1928812" cy="6096000"/>
          </a:xfrm>
          <a:prstGeom prst="ellipse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20250" rIns="40500" bIns="2025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900" dirty="0"/>
          </a:p>
        </p:txBody>
      </p:sp>
      <p:sp>
        <p:nvSpPr>
          <p:cNvPr id="6" name="Logo">
            <a:extLst>
              <a:ext uri="{FF2B5EF4-FFF2-40B4-BE49-F238E27FC236}">
                <a16:creationId xmlns:a16="http://schemas.microsoft.com/office/drawing/2014/main" id="{3DC58F82-C147-8870-098A-8BE45FA8A589}"/>
              </a:ext>
            </a:extLst>
          </p:cNvPr>
          <p:cNvSpPr/>
          <p:nvPr userDrawn="1"/>
        </p:nvSpPr>
        <p:spPr bwMode="white">
          <a:xfrm>
            <a:off x="6197600" y="639763"/>
            <a:ext cx="355600" cy="635000"/>
          </a:xfrm>
          <a:custGeom>
            <a:avLst/>
            <a:gdLst>
              <a:gd name="connsiteX0" fmla="*/ 3991223 w 5553123"/>
              <a:gd name="connsiteY0" fmla="*/ 1407246 h 3128654"/>
              <a:gd name="connsiteX1" fmla="*/ 3430346 w 5553123"/>
              <a:gd name="connsiteY1" fmla="*/ 1968030 h 3128654"/>
              <a:gd name="connsiteX2" fmla="*/ 3597555 w 5553123"/>
              <a:gd name="connsiteY2" fmla="*/ 1999879 h 3128654"/>
              <a:gd name="connsiteX3" fmla="*/ 4017277 w 5553123"/>
              <a:gd name="connsiteY3" fmla="*/ 1565700 h 3128654"/>
              <a:gd name="connsiteX4" fmla="*/ 4017243 w 5553123"/>
              <a:gd name="connsiteY4" fmla="*/ 1565803 h 3128654"/>
              <a:gd name="connsiteX5" fmla="*/ 3991223 w 5553123"/>
              <a:gd name="connsiteY5" fmla="*/ 1407246 h 3128654"/>
              <a:gd name="connsiteX6" fmla="*/ 3597692 w 5553123"/>
              <a:gd name="connsiteY6" fmla="*/ 1131487 h 3128654"/>
              <a:gd name="connsiteX7" fmla="*/ 3172031 w 5553123"/>
              <a:gd name="connsiteY7" fmla="*/ 1565700 h 3128654"/>
              <a:gd name="connsiteX8" fmla="*/ 3171997 w 5553123"/>
              <a:gd name="connsiteY8" fmla="*/ 1565803 h 3128654"/>
              <a:gd name="connsiteX9" fmla="*/ 3197296 w 5553123"/>
              <a:gd name="connsiteY9" fmla="*/ 1722061 h 3128654"/>
              <a:gd name="connsiteX10" fmla="*/ 3757830 w 5553123"/>
              <a:gd name="connsiteY10" fmla="*/ 1161723 h 3128654"/>
              <a:gd name="connsiteX11" fmla="*/ 3597692 w 5553123"/>
              <a:gd name="connsiteY11" fmla="*/ 1131487 h 3128654"/>
              <a:gd name="connsiteX12" fmla="*/ 2205438 w 5553123"/>
              <a:gd name="connsiteY12" fmla="*/ 837298 h 3128654"/>
              <a:gd name="connsiteX13" fmla="*/ 2590180 w 5553123"/>
              <a:gd name="connsiteY13" fmla="*/ 837298 h 3128654"/>
              <a:gd name="connsiteX14" fmla="*/ 2590180 w 5553123"/>
              <a:gd name="connsiteY14" fmla="*/ 2548651 h 3128654"/>
              <a:gd name="connsiteX15" fmla="*/ 2015984 w 5553123"/>
              <a:gd name="connsiteY15" fmla="*/ 3128654 h 3128654"/>
              <a:gd name="connsiteX16" fmla="*/ 1756572 w 5553123"/>
              <a:gd name="connsiteY16" fmla="*/ 3073262 h 3128654"/>
              <a:gd name="connsiteX17" fmla="*/ 1844038 w 5553123"/>
              <a:gd name="connsiteY17" fmla="*/ 2761571 h 3128654"/>
              <a:gd name="connsiteX18" fmla="*/ 1989724 w 5553123"/>
              <a:gd name="connsiteY18" fmla="*/ 2787791 h 3128654"/>
              <a:gd name="connsiteX19" fmla="*/ 2205438 w 5553123"/>
              <a:gd name="connsiteY19" fmla="*/ 2548857 h 3128654"/>
              <a:gd name="connsiteX20" fmla="*/ 4139105 w 5553123"/>
              <a:gd name="connsiteY20" fmla="*/ 780499 h 3128654"/>
              <a:gd name="connsiteX21" fmla="*/ 4378642 w 5553123"/>
              <a:gd name="connsiteY21" fmla="*/ 1020017 h 3128654"/>
              <a:gd name="connsiteX22" fmla="*/ 4263474 w 5553123"/>
              <a:gd name="connsiteY22" fmla="*/ 1135365 h 3128654"/>
              <a:gd name="connsiteX23" fmla="*/ 4390485 w 5553123"/>
              <a:gd name="connsiteY23" fmla="*/ 1565769 h 3128654"/>
              <a:gd name="connsiteX24" fmla="*/ 3597520 w 5553123"/>
              <a:gd name="connsiteY24" fmla="*/ 2335080 h 3128654"/>
              <a:gd name="connsiteX25" fmla="*/ 3173748 w 5553123"/>
              <a:gd name="connsiteY25" fmla="*/ 2224604 h 3128654"/>
              <a:gd name="connsiteX26" fmla="*/ 3050169 w 5553123"/>
              <a:gd name="connsiteY26" fmla="*/ 2348155 h 3128654"/>
              <a:gd name="connsiteX27" fmla="*/ 2810563 w 5553123"/>
              <a:gd name="connsiteY27" fmla="*/ 2108707 h 3128654"/>
              <a:gd name="connsiteX28" fmla="*/ 2925320 w 5553123"/>
              <a:gd name="connsiteY28" fmla="*/ 1993976 h 3128654"/>
              <a:gd name="connsiteX29" fmla="*/ 2798892 w 5553123"/>
              <a:gd name="connsiteY29" fmla="*/ 1565838 h 3128654"/>
              <a:gd name="connsiteX30" fmla="*/ 3597486 w 5553123"/>
              <a:gd name="connsiteY30" fmla="*/ 793644 h 3128654"/>
              <a:gd name="connsiteX31" fmla="*/ 4015526 w 5553123"/>
              <a:gd name="connsiteY31" fmla="*/ 904050 h 3128654"/>
              <a:gd name="connsiteX32" fmla="*/ 396379 w 5553123"/>
              <a:gd name="connsiteY32" fmla="*/ 435140 h 3128654"/>
              <a:gd name="connsiteX33" fmla="*/ 396379 w 5553123"/>
              <a:gd name="connsiteY33" fmla="*/ 1932956 h 3128654"/>
              <a:gd name="connsiteX34" fmla="*/ 846344 w 5553123"/>
              <a:gd name="connsiteY34" fmla="*/ 1932956 h 3128654"/>
              <a:gd name="connsiteX35" fmla="*/ 1601274 w 5553123"/>
              <a:gd name="connsiteY35" fmla="*/ 1184065 h 3128654"/>
              <a:gd name="connsiteX36" fmla="*/ 846344 w 5553123"/>
              <a:gd name="connsiteY36" fmla="*/ 435140 h 3128654"/>
              <a:gd name="connsiteX37" fmla="*/ 0 w 5553123"/>
              <a:gd name="connsiteY37" fmla="*/ 76739 h 3128654"/>
              <a:gd name="connsiteX38" fmla="*/ 820049 w 5553123"/>
              <a:gd name="connsiteY38" fmla="*/ 76739 h 3128654"/>
              <a:gd name="connsiteX39" fmla="*/ 2000502 w 5553123"/>
              <a:gd name="connsiteY39" fmla="*/ 1184065 h 3128654"/>
              <a:gd name="connsiteX40" fmla="*/ 820049 w 5553123"/>
              <a:gd name="connsiteY40" fmla="*/ 2291391 h 3128654"/>
              <a:gd name="connsiteX41" fmla="*/ 0 w 5553123"/>
              <a:gd name="connsiteY41" fmla="*/ 2291391 h 3128654"/>
              <a:gd name="connsiteX42" fmla="*/ 5214998 w 5553123"/>
              <a:gd name="connsiteY42" fmla="*/ 0 h 3128654"/>
              <a:gd name="connsiteX43" fmla="*/ 5474410 w 5553123"/>
              <a:gd name="connsiteY43" fmla="*/ 55393 h 3128654"/>
              <a:gd name="connsiteX44" fmla="*/ 5386944 w 5553123"/>
              <a:gd name="connsiteY44" fmla="*/ 367187 h 3128654"/>
              <a:gd name="connsiteX45" fmla="*/ 5241258 w 5553123"/>
              <a:gd name="connsiteY45" fmla="*/ 340932 h 3128654"/>
              <a:gd name="connsiteX46" fmla="*/ 5025544 w 5553123"/>
              <a:gd name="connsiteY46" fmla="*/ 579901 h 3128654"/>
              <a:gd name="connsiteX47" fmla="*/ 5025544 w 5553123"/>
              <a:gd name="connsiteY47" fmla="*/ 837299 h 3128654"/>
              <a:gd name="connsiteX48" fmla="*/ 5553123 w 5553123"/>
              <a:gd name="connsiteY48" fmla="*/ 837402 h 3128654"/>
              <a:gd name="connsiteX49" fmla="*/ 5553123 w 5553123"/>
              <a:gd name="connsiteY49" fmla="*/ 1152113 h 3128654"/>
              <a:gd name="connsiteX50" fmla="*/ 5025544 w 5553123"/>
              <a:gd name="connsiteY50" fmla="*/ 1152113 h 3128654"/>
              <a:gd name="connsiteX51" fmla="*/ 5025544 w 5553123"/>
              <a:gd name="connsiteY51" fmla="*/ 2291528 h 3128654"/>
              <a:gd name="connsiteX52" fmla="*/ 4640802 w 5553123"/>
              <a:gd name="connsiteY52" fmla="*/ 2291528 h 3128654"/>
              <a:gd name="connsiteX53" fmla="*/ 4640802 w 5553123"/>
              <a:gd name="connsiteY53" fmla="*/ 1152113 h 3128654"/>
              <a:gd name="connsiteX54" fmla="*/ 4423612 w 5553123"/>
              <a:gd name="connsiteY54" fmla="*/ 1152113 h 3128654"/>
              <a:gd name="connsiteX55" fmla="*/ 4423612 w 5553123"/>
              <a:gd name="connsiteY55" fmla="*/ 837402 h 3128654"/>
              <a:gd name="connsiteX56" fmla="*/ 4640802 w 5553123"/>
              <a:gd name="connsiteY56" fmla="*/ 837402 h 3128654"/>
              <a:gd name="connsiteX57" fmla="*/ 4640802 w 5553123"/>
              <a:gd name="connsiteY57" fmla="*/ 580004 h 3128654"/>
              <a:gd name="connsiteX58" fmla="*/ 5214998 w 5553123"/>
              <a:gd name="connsiteY58" fmla="*/ 0 h 31286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5553123" h="3128654">
                <a:moveTo>
                  <a:pt x="3991223" y="1407246"/>
                </a:moveTo>
                <a:lnTo>
                  <a:pt x="3430346" y="1968030"/>
                </a:lnTo>
                <a:cubicBezTo>
                  <a:pt x="3483553" y="1989213"/>
                  <a:pt x="3540297" y="2000023"/>
                  <a:pt x="3597555" y="1999879"/>
                </a:cubicBezTo>
                <a:cubicBezTo>
                  <a:pt x="3819070" y="1999879"/>
                  <a:pt x="4017277" y="1836826"/>
                  <a:pt x="4017277" y="1565700"/>
                </a:cubicBezTo>
                <a:lnTo>
                  <a:pt x="4017243" y="1565803"/>
                </a:lnTo>
                <a:cubicBezTo>
                  <a:pt x="4017518" y="1511866"/>
                  <a:pt x="4008729" y="1458269"/>
                  <a:pt x="3991223" y="1407246"/>
                </a:cubicBezTo>
                <a:close/>
                <a:moveTo>
                  <a:pt x="3597692" y="1131487"/>
                </a:moveTo>
                <a:cubicBezTo>
                  <a:pt x="3370204" y="1131487"/>
                  <a:pt x="3172031" y="1294574"/>
                  <a:pt x="3172031" y="1565700"/>
                </a:cubicBezTo>
                <a:lnTo>
                  <a:pt x="3171997" y="1565803"/>
                </a:lnTo>
                <a:cubicBezTo>
                  <a:pt x="3171757" y="1618927"/>
                  <a:pt x="3180304" y="1671724"/>
                  <a:pt x="3197296" y="1722061"/>
                </a:cubicBezTo>
                <a:lnTo>
                  <a:pt x="3757830" y="1161723"/>
                </a:lnTo>
                <a:cubicBezTo>
                  <a:pt x="3706819" y="1141649"/>
                  <a:pt x="3652513" y="1131391"/>
                  <a:pt x="3597692" y="1131487"/>
                </a:cubicBezTo>
                <a:close/>
                <a:moveTo>
                  <a:pt x="2205438" y="837298"/>
                </a:moveTo>
                <a:lnTo>
                  <a:pt x="2590180" y="837298"/>
                </a:lnTo>
                <a:lnTo>
                  <a:pt x="2590180" y="2548651"/>
                </a:lnTo>
                <a:cubicBezTo>
                  <a:pt x="2590180" y="2895520"/>
                  <a:pt x="2359911" y="3128654"/>
                  <a:pt x="2015984" y="3128654"/>
                </a:cubicBezTo>
                <a:cubicBezTo>
                  <a:pt x="1922717" y="3128654"/>
                  <a:pt x="1838202" y="3111014"/>
                  <a:pt x="1756572" y="3073262"/>
                </a:cubicBezTo>
                <a:lnTo>
                  <a:pt x="1844038" y="2761571"/>
                </a:lnTo>
                <a:cubicBezTo>
                  <a:pt x="1896456" y="2779074"/>
                  <a:pt x="1948909" y="2787791"/>
                  <a:pt x="1989724" y="2787791"/>
                </a:cubicBezTo>
                <a:cubicBezTo>
                  <a:pt x="2118006" y="2787791"/>
                  <a:pt x="2205438" y="2691627"/>
                  <a:pt x="2205438" y="2548857"/>
                </a:cubicBezTo>
                <a:close/>
                <a:moveTo>
                  <a:pt x="4139105" y="780499"/>
                </a:moveTo>
                <a:lnTo>
                  <a:pt x="4378642" y="1020017"/>
                </a:lnTo>
                <a:lnTo>
                  <a:pt x="4263474" y="1135365"/>
                </a:lnTo>
                <a:cubicBezTo>
                  <a:pt x="4343457" y="1255038"/>
                  <a:pt x="4390485" y="1401034"/>
                  <a:pt x="4390485" y="1565769"/>
                </a:cubicBezTo>
                <a:cubicBezTo>
                  <a:pt x="4390485" y="2023285"/>
                  <a:pt x="4028880" y="2335080"/>
                  <a:pt x="3597520" y="2335080"/>
                </a:cubicBezTo>
                <a:cubicBezTo>
                  <a:pt x="3442429" y="2335080"/>
                  <a:pt x="3296983" y="2295681"/>
                  <a:pt x="3173748" y="2224604"/>
                </a:cubicBezTo>
                <a:lnTo>
                  <a:pt x="3050169" y="2348155"/>
                </a:lnTo>
                <a:lnTo>
                  <a:pt x="2810563" y="2108707"/>
                </a:lnTo>
                <a:lnTo>
                  <a:pt x="2925320" y="1993976"/>
                </a:lnTo>
                <a:cubicBezTo>
                  <a:pt x="2845543" y="1875058"/>
                  <a:pt x="2798892" y="1729886"/>
                  <a:pt x="2798892" y="1565838"/>
                </a:cubicBezTo>
                <a:cubicBezTo>
                  <a:pt x="2798892" y="1108390"/>
                  <a:pt x="3160291" y="793644"/>
                  <a:pt x="3597486" y="793644"/>
                </a:cubicBezTo>
                <a:cubicBezTo>
                  <a:pt x="3749866" y="793644"/>
                  <a:pt x="3893424" y="833077"/>
                  <a:pt x="4015526" y="904050"/>
                </a:cubicBezTo>
                <a:close/>
                <a:moveTo>
                  <a:pt x="396379" y="435140"/>
                </a:moveTo>
                <a:lnTo>
                  <a:pt x="396379" y="1932956"/>
                </a:lnTo>
                <a:lnTo>
                  <a:pt x="846344" y="1932956"/>
                </a:lnTo>
                <a:cubicBezTo>
                  <a:pt x="1298059" y="1932956"/>
                  <a:pt x="1601274" y="1632830"/>
                  <a:pt x="1601274" y="1184065"/>
                </a:cubicBezTo>
                <a:cubicBezTo>
                  <a:pt x="1601274" y="735300"/>
                  <a:pt x="1298128" y="435140"/>
                  <a:pt x="846344" y="435140"/>
                </a:cubicBezTo>
                <a:close/>
                <a:moveTo>
                  <a:pt x="0" y="76739"/>
                </a:moveTo>
                <a:lnTo>
                  <a:pt x="820049" y="76739"/>
                </a:lnTo>
                <a:cubicBezTo>
                  <a:pt x="1528328" y="76739"/>
                  <a:pt x="2000502" y="519670"/>
                  <a:pt x="2000502" y="1184065"/>
                </a:cubicBezTo>
                <a:cubicBezTo>
                  <a:pt x="2000502" y="1848460"/>
                  <a:pt x="1528328" y="2291391"/>
                  <a:pt x="820049" y="2291391"/>
                </a:cubicBezTo>
                <a:lnTo>
                  <a:pt x="0" y="2291391"/>
                </a:lnTo>
                <a:close/>
                <a:moveTo>
                  <a:pt x="5214998" y="0"/>
                </a:moveTo>
                <a:cubicBezTo>
                  <a:pt x="5308265" y="0"/>
                  <a:pt x="5392780" y="17641"/>
                  <a:pt x="5474410" y="55393"/>
                </a:cubicBezTo>
                <a:lnTo>
                  <a:pt x="5386944" y="367187"/>
                </a:lnTo>
                <a:cubicBezTo>
                  <a:pt x="5334526" y="349684"/>
                  <a:pt x="5282074" y="340932"/>
                  <a:pt x="5241258" y="340932"/>
                </a:cubicBezTo>
                <a:cubicBezTo>
                  <a:pt x="5112976" y="340932"/>
                  <a:pt x="5025544" y="437131"/>
                  <a:pt x="5025544" y="579901"/>
                </a:cubicBezTo>
                <a:lnTo>
                  <a:pt x="5025544" y="837299"/>
                </a:lnTo>
                <a:lnTo>
                  <a:pt x="5553123" y="837402"/>
                </a:lnTo>
                <a:lnTo>
                  <a:pt x="5553123" y="1152113"/>
                </a:lnTo>
                <a:lnTo>
                  <a:pt x="5025544" y="1152113"/>
                </a:lnTo>
                <a:lnTo>
                  <a:pt x="5025544" y="2291528"/>
                </a:lnTo>
                <a:lnTo>
                  <a:pt x="4640802" y="2291528"/>
                </a:lnTo>
                <a:lnTo>
                  <a:pt x="4640802" y="1152113"/>
                </a:lnTo>
                <a:lnTo>
                  <a:pt x="4423612" y="1152113"/>
                </a:lnTo>
                <a:lnTo>
                  <a:pt x="4423612" y="837402"/>
                </a:lnTo>
                <a:lnTo>
                  <a:pt x="4640802" y="837402"/>
                </a:lnTo>
                <a:lnTo>
                  <a:pt x="4640802" y="580004"/>
                </a:lnTo>
                <a:cubicBezTo>
                  <a:pt x="4640802" y="233134"/>
                  <a:pt x="4871070" y="0"/>
                  <a:pt x="5214998" y="0"/>
                </a:cubicBezTo>
                <a:close/>
              </a:path>
            </a:pathLst>
          </a:custGeom>
          <a:solidFill>
            <a:srgbClr val="FFFFFF"/>
          </a:solidFill>
          <a:ln w="3432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 bwMode="white">
          <a:xfrm>
            <a:off x="303609" y="3812821"/>
            <a:ext cx="4099621" cy="4441600"/>
          </a:xfrm>
        </p:spPr>
        <p:txBody>
          <a:bodyPr anchor="ctr"/>
          <a:lstStyle>
            <a:lvl1pPr algn="l">
              <a:defRPr sz="3038"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7" name="Date Placeholder 11">
            <a:extLst>
              <a:ext uri="{FF2B5EF4-FFF2-40B4-BE49-F238E27FC236}">
                <a16:creationId xmlns:a16="http://schemas.microsoft.com/office/drawing/2014/main" id="{29D2A13B-3C07-871D-F437-5CAB70FD078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 smtClean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4B22AFDE-9C66-491A-B9EA-085E67F0AF6D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8" name="Footer Placeholder 12">
            <a:extLst>
              <a:ext uri="{FF2B5EF4-FFF2-40B4-BE49-F238E27FC236}">
                <a16:creationId xmlns:a16="http://schemas.microsoft.com/office/drawing/2014/main" id="{0F136BD1-DA62-DF27-E8E2-B1CF384DA14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916113" y="639763"/>
            <a:ext cx="2487612" cy="320675"/>
          </a:xfrm>
        </p:spPr>
        <p:txBody>
          <a:bodyPr/>
          <a:lstStyle>
            <a:lvl1pPr>
              <a:defRPr dirty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9" name="Slide Number Placeholder 13">
            <a:extLst>
              <a:ext uri="{FF2B5EF4-FFF2-40B4-BE49-F238E27FC236}">
                <a16:creationId xmlns:a16="http://schemas.microsoft.com/office/drawing/2014/main" id="{E82CD451-28F1-01C5-A29B-139E64AECC7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 smtClean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4EF5FD5F-3F00-4179-AAB3-CB5D88E3C050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3756855"/>
      </p:ext>
    </p:extLst>
  </p:cSld>
  <p:clrMapOvr>
    <a:masterClrMapping/>
  </p:clrMapOvr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med helside billed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dsholder til billede 6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6858675" cy="12192000"/>
          </a:xfrm>
          <a:prstGeom prst="rect">
            <a:avLst/>
          </a:prstGeom>
          <a:solidFill>
            <a:schemeClr val="tx1">
              <a:lumMod val="85000"/>
            </a:schemeClr>
          </a:solidFill>
        </p:spPr>
        <p:txBody>
          <a:bodyPr wrap="square" lIns="540000" tIns="108000"/>
          <a:lstStyle>
            <a:lvl1pPr marL="0" indent="0" algn="l">
              <a:buNone/>
              <a:defRPr sz="788"/>
            </a:lvl1pPr>
          </a:lstStyle>
          <a:p>
            <a:pPr lvl="0"/>
            <a:r>
              <a:rPr lang="da-DK" noProof="0"/>
              <a:t>Klik på ikonet for at tilføje et billede</a:t>
            </a:r>
            <a:endParaRPr lang="da-DK" noProof="0" dirty="0"/>
          </a:p>
        </p:txBody>
      </p:sp>
      <p:sp>
        <p:nvSpPr>
          <p:cNvPr id="10" name="Logo on top"/>
          <p:cNvSpPr>
            <a:spLocks noGrp="1"/>
          </p:cNvSpPr>
          <p:nvPr>
            <p:ph type="body" sz="quarter" idx="14"/>
          </p:nvPr>
        </p:nvSpPr>
        <p:spPr bwMode="white">
          <a:xfrm>
            <a:off x="6197577" y="640000"/>
            <a:ext cx="355921" cy="634052"/>
          </a:xfrm>
          <a:custGeom>
            <a:avLst/>
            <a:gdLst>
              <a:gd name="connsiteX0" fmla="*/ 4742089 w 6597829"/>
              <a:gd name="connsiteY0" fmla="*/ 1672366 h 3718082"/>
              <a:gd name="connsiteX1" fmla="*/ 4075695 w 6597829"/>
              <a:gd name="connsiteY1" fmla="*/ 2338800 h 3718082"/>
              <a:gd name="connsiteX2" fmla="*/ 4274361 w 6597829"/>
              <a:gd name="connsiteY2" fmla="*/ 2376649 h 3718082"/>
              <a:gd name="connsiteX3" fmla="*/ 4773045 w 6597829"/>
              <a:gd name="connsiteY3" fmla="*/ 1860672 h 3718082"/>
              <a:gd name="connsiteX4" fmla="*/ 4773004 w 6597829"/>
              <a:gd name="connsiteY4" fmla="*/ 1860795 h 3718082"/>
              <a:gd name="connsiteX5" fmla="*/ 4742089 w 6597829"/>
              <a:gd name="connsiteY5" fmla="*/ 1672366 h 3718082"/>
              <a:gd name="connsiteX6" fmla="*/ 4274524 w 6597829"/>
              <a:gd name="connsiteY6" fmla="*/ 1344655 h 3718082"/>
              <a:gd name="connsiteX7" fmla="*/ 3768784 w 6597829"/>
              <a:gd name="connsiteY7" fmla="*/ 1860672 h 3718082"/>
              <a:gd name="connsiteX8" fmla="*/ 3768743 w 6597829"/>
              <a:gd name="connsiteY8" fmla="*/ 1860795 h 3718082"/>
              <a:gd name="connsiteX9" fmla="*/ 3798802 w 6597829"/>
              <a:gd name="connsiteY9" fmla="*/ 2046491 h 3718082"/>
              <a:gd name="connsiteX10" fmla="*/ 4464789 w 6597829"/>
              <a:gd name="connsiteY10" fmla="*/ 1380587 h 3718082"/>
              <a:gd name="connsiteX11" fmla="*/ 4274524 w 6597829"/>
              <a:gd name="connsiteY11" fmla="*/ 1344655 h 3718082"/>
              <a:gd name="connsiteX12" fmla="*/ 2620346 w 6597829"/>
              <a:gd name="connsiteY12" fmla="*/ 995042 h 3718082"/>
              <a:gd name="connsiteX13" fmla="*/ 3077470 w 6597829"/>
              <a:gd name="connsiteY13" fmla="*/ 995042 h 3718082"/>
              <a:gd name="connsiteX14" fmla="*/ 3077470 w 6597829"/>
              <a:gd name="connsiteY14" fmla="*/ 3028808 h 3718082"/>
              <a:gd name="connsiteX15" fmla="*/ 2395251 w 6597829"/>
              <a:gd name="connsiteY15" fmla="*/ 3718082 h 3718082"/>
              <a:gd name="connsiteX16" fmla="*/ 2087035 w 6597829"/>
              <a:gd name="connsiteY16" fmla="*/ 3652254 h 3718082"/>
              <a:gd name="connsiteX17" fmla="*/ 2190956 w 6597829"/>
              <a:gd name="connsiteY17" fmla="*/ 3281841 h 3718082"/>
              <a:gd name="connsiteX18" fmla="*/ 2364050 w 6597829"/>
              <a:gd name="connsiteY18" fmla="*/ 3313001 h 3718082"/>
              <a:gd name="connsiteX19" fmla="*/ 2620346 w 6597829"/>
              <a:gd name="connsiteY19" fmla="*/ 3029053 h 3718082"/>
              <a:gd name="connsiteX20" fmla="*/ 4917793 w 6597829"/>
              <a:gd name="connsiteY20" fmla="*/ 927542 h 3718082"/>
              <a:gd name="connsiteX21" fmla="*/ 5202394 w 6597829"/>
              <a:gd name="connsiteY21" fmla="*/ 1212184 h 3718082"/>
              <a:gd name="connsiteX22" fmla="*/ 5065559 w 6597829"/>
              <a:gd name="connsiteY22" fmla="*/ 1349264 h 3718082"/>
              <a:gd name="connsiteX23" fmla="*/ 5216465 w 6597829"/>
              <a:gd name="connsiteY23" fmla="*/ 1860754 h 3718082"/>
              <a:gd name="connsiteX24" fmla="*/ 4274320 w 6597829"/>
              <a:gd name="connsiteY24" fmla="*/ 2775000 h 3718082"/>
              <a:gd name="connsiteX25" fmla="*/ 3770823 w 6597829"/>
              <a:gd name="connsiteY25" fmla="*/ 2643712 h 3718082"/>
              <a:gd name="connsiteX26" fmla="*/ 3623995 w 6597829"/>
              <a:gd name="connsiteY26" fmla="*/ 2790539 h 3718082"/>
              <a:gd name="connsiteX27" fmla="*/ 3339313 w 6597829"/>
              <a:gd name="connsiteY27" fmla="*/ 2505979 h 3718082"/>
              <a:gd name="connsiteX28" fmla="*/ 3475659 w 6597829"/>
              <a:gd name="connsiteY28" fmla="*/ 2369634 h 3718082"/>
              <a:gd name="connsiteX29" fmla="*/ 3325446 w 6597829"/>
              <a:gd name="connsiteY29" fmla="*/ 1860836 h 3718082"/>
              <a:gd name="connsiteX30" fmla="*/ 4274279 w 6597829"/>
              <a:gd name="connsiteY30" fmla="*/ 943163 h 3718082"/>
              <a:gd name="connsiteX31" fmla="*/ 4770965 w 6597829"/>
              <a:gd name="connsiteY31" fmla="*/ 1074370 h 3718082"/>
              <a:gd name="connsiteX32" fmla="*/ 470950 w 6597829"/>
              <a:gd name="connsiteY32" fmla="*/ 517119 h 3718082"/>
              <a:gd name="connsiteX33" fmla="*/ 470950 w 6597829"/>
              <a:gd name="connsiteY33" fmla="*/ 2297117 h 3718082"/>
              <a:gd name="connsiteX34" fmla="*/ 1005566 w 6597829"/>
              <a:gd name="connsiteY34" fmla="*/ 2297117 h 3718082"/>
              <a:gd name="connsiteX35" fmla="*/ 1902521 w 6597829"/>
              <a:gd name="connsiteY35" fmla="*/ 1407138 h 3718082"/>
              <a:gd name="connsiteX36" fmla="*/ 1005566 w 6597829"/>
              <a:gd name="connsiteY36" fmla="*/ 517119 h 3718082"/>
              <a:gd name="connsiteX37" fmla="*/ 0 w 6597829"/>
              <a:gd name="connsiteY37" fmla="*/ 91196 h 3718082"/>
              <a:gd name="connsiteX38" fmla="*/ 974324 w 6597829"/>
              <a:gd name="connsiteY38" fmla="*/ 91196 h 3718082"/>
              <a:gd name="connsiteX39" fmla="*/ 2376856 w 6597829"/>
              <a:gd name="connsiteY39" fmla="*/ 1407138 h 3718082"/>
              <a:gd name="connsiteX40" fmla="*/ 974324 w 6597829"/>
              <a:gd name="connsiteY40" fmla="*/ 2723080 h 3718082"/>
              <a:gd name="connsiteX41" fmla="*/ 0 w 6597829"/>
              <a:gd name="connsiteY41" fmla="*/ 2723080 h 3718082"/>
              <a:gd name="connsiteX42" fmla="*/ 6196092 w 6597829"/>
              <a:gd name="connsiteY42" fmla="*/ 0 h 3718082"/>
              <a:gd name="connsiteX43" fmla="*/ 6504307 w 6597829"/>
              <a:gd name="connsiteY43" fmla="*/ 65828 h 3718082"/>
              <a:gd name="connsiteX44" fmla="*/ 6400386 w 6597829"/>
              <a:gd name="connsiteY44" fmla="*/ 436364 h 3718082"/>
              <a:gd name="connsiteX45" fmla="*/ 6227293 w 6597829"/>
              <a:gd name="connsiteY45" fmla="*/ 405163 h 3718082"/>
              <a:gd name="connsiteX46" fmla="*/ 5970996 w 6597829"/>
              <a:gd name="connsiteY46" fmla="*/ 689152 h 3718082"/>
              <a:gd name="connsiteX47" fmla="*/ 5970996 w 6597829"/>
              <a:gd name="connsiteY47" fmla="*/ 995043 h 3718082"/>
              <a:gd name="connsiteX48" fmla="*/ 6597829 w 6597829"/>
              <a:gd name="connsiteY48" fmla="*/ 995165 h 3718082"/>
              <a:gd name="connsiteX49" fmla="*/ 6597829 w 6597829"/>
              <a:gd name="connsiteY49" fmla="*/ 1369167 h 3718082"/>
              <a:gd name="connsiteX50" fmla="*/ 5970996 w 6597829"/>
              <a:gd name="connsiteY50" fmla="*/ 1369167 h 3718082"/>
              <a:gd name="connsiteX51" fmla="*/ 5970996 w 6597829"/>
              <a:gd name="connsiteY51" fmla="*/ 2723243 h 3718082"/>
              <a:gd name="connsiteX52" fmla="*/ 5513872 w 6597829"/>
              <a:gd name="connsiteY52" fmla="*/ 2723243 h 3718082"/>
              <a:gd name="connsiteX53" fmla="*/ 5513872 w 6597829"/>
              <a:gd name="connsiteY53" fmla="*/ 1369167 h 3718082"/>
              <a:gd name="connsiteX54" fmla="*/ 5255823 w 6597829"/>
              <a:gd name="connsiteY54" fmla="*/ 1369167 h 3718082"/>
              <a:gd name="connsiteX55" fmla="*/ 5255823 w 6597829"/>
              <a:gd name="connsiteY55" fmla="*/ 995165 h 3718082"/>
              <a:gd name="connsiteX56" fmla="*/ 5513872 w 6597829"/>
              <a:gd name="connsiteY56" fmla="*/ 995165 h 3718082"/>
              <a:gd name="connsiteX57" fmla="*/ 5513872 w 6597829"/>
              <a:gd name="connsiteY57" fmla="*/ 689274 h 3718082"/>
              <a:gd name="connsiteX58" fmla="*/ 6196092 w 6597829"/>
              <a:gd name="connsiteY58" fmla="*/ 0 h 371808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6597829" h="3718082">
                <a:moveTo>
                  <a:pt x="4742089" y="1672366"/>
                </a:moveTo>
                <a:lnTo>
                  <a:pt x="4075695" y="2338800"/>
                </a:lnTo>
                <a:cubicBezTo>
                  <a:pt x="4138912" y="2363973"/>
                  <a:pt x="4206331" y="2376820"/>
                  <a:pt x="4274361" y="2376649"/>
                </a:cubicBezTo>
                <a:cubicBezTo>
                  <a:pt x="4537550" y="2376649"/>
                  <a:pt x="4773045" y="2182877"/>
                  <a:pt x="4773045" y="1860672"/>
                </a:cubicBezTo>
                <a:lnTo>
                  <a:pt x="4773004" y="1860795"/>
                </a:lnTo>
                <a:cubicBezTo>
                  <a:pt x="4773331" y="1796696"/>
                  <a:pt x="4762890" y="1733002"/>
                  <a:pt x="4742089" y="1672366"/>
                </a:cubicBezTo>
                <a:close/>
                <a:moveTo>
                  <a:pt x="4274524" y="1344655"/>
                </a:moveTo>
                <a:cubicBezTo>
                  <a:pt x="4004239" y="1344655"/>
                  <a:pt x="3768784" y="1538467"/>
                  <a:pt x="3768784" y="1860672"/>
                </a:cubicBezTo>
                <a:lnTo>
                  <a:pt x="3768743" y="1860795"/>
                </a:lnTo>
                <a:cubicBezTo>
                  <a:pt x="3768458" y="1923926"/>
                  <a:pt x="3778613" y="1986671"/>
                  <a:pt x="3798802" y="2046491"/>
                </a:cubicBezTo>
                <a:lnTo>
                  <a:pt x="4464789" y="1380587"/>
                </a:lnTo>
                <a:cubicBezTo>
                  <a:pt x="4404181" y="1356732"/>
                  <a:pt x="4339658" y="1344541"/>
                  <a:pt x="4274524" y="1344655"/>
                </a:cubicBezTo>
                <a:close/>
                <a:moveTo>
                  <a:pt x="2620346" y="995042"/>
                </a:moveTo>
                <a:lnTo>
                  <a:pt x="3077470" y="995042"/>
                </a:lnTo>
                <a:lnTo>
                  <a:pt x="3077470" y="3028808"/>
                </a:lnTo>
                <a:cubicBezTo>
                  <a:pt x="3077470" y="3441026"/>
                  <a:pt x="2803880" y="3718082"/>
                  <a:pt x="2395251" y="3718082"/>
                </a:cubicBezTo>
                <a:cubicBezTo>
                  <a:pt x="2284436" y="3718082"/>
                  <a:pt x="2184023" y="3697118"/>
                  <a:pt x="2087035" y="3652254"/>
                </a:cubicBezTo>
                <a:lnTo>
                  <a:pt x="2190956" y="3281841"/>
                </a:lnTo>
                <a:cubicBezTo>
                  <a:pt x="2253235" y="3302641"/>
                  <a:pt x="2315556" y="3313001"/>
                  <a:pt x="2364050" y="3313001"/>
                </a:cubicBezTo>
                <a:cubicBezTo>
                  <a:pt x="2516465" y="3313001"/>
                  <a:pt x="2620346" y="3198720"/>
                  <a:pt x="2620346" y="3029053"/>
                </a:cubicBezTo>
                <a:close/>
                <a:moveTo>
                  <a:pt x="4917793" y="927542"/>
                </a:moveTo>
                <a:lnTo>
                  <a:pt x="5202394" y="1212184"/>
                </a:lnTo>
                <a:lnTo>
                  <a:pt x="5065559" y="1349264"/>
                </a:lnTo>
                <a:cubicBezTo>
                  <a:pt x="5160589" y="1491483"/>
                  <a:pt x="5216465" y="1664984"/>
                  <a:pt x="5216465" y="1860754"/>
                </a:cubicBezTo>
                <a:cubicBezTo>
                  <a:pt x="5216465" y="2404464"/>
                  <a:pt x="4786831" y="2775000"/>
                  <a:pt x="4274320" y="2775000"/>
                </a:cubicBezTo>
                <a:cubicBezTo>
                  <a:pt x="4090051" y="2775000"/>
                  <a:pt x="3917243" y="2728178"/>
                  <a:pt x="3770823" y="2643712"/>
                </a:cubicBezTo>
                <a:lnTo>
                  <a:pt x="3623995" y="2790539"/>
                </a:lnTo>
                <a:lnTo>
                  <a:pt x="3339313" y="2505979"/>
                </a:lnTo>
                <a:lnTo>
                  <a:pt x="3475659" y="2369634"/>
                </a:lnTo>
                <a:cubicBezTo>
                  <a:pt x="3380873" y="2228312"/>
                  <a:pt x="3325446" y="2055790"/>
                  <a:pt x="3325446" y="1860836"/>
                </a:cubicBezTo>
                <a:cubicBezTo>
                  <a:pt x="3325446" y="1317206"/>
                  <a:pt x="3754835" y="943163"/>
                  <a:pt x="4274279" y="943163"/>
                </a:cubicBezTo>
                <a:cubicBezTo>
                  <a:pt x="4455326" y="943163"/>
                  <a:pt x="4625891" y="990026"/>
                  <a:pt x="4770965" y="1074370"/>
                </a:cubicBezTo>
                <a:close/>
                <a:moveTo>
                  <a:pt x="470950" y="517119"/>
                </a:moveTo>
                <a:lnTo>
                  <a:pt x="470950" y="2297117"/>
                </a:lnTo>
                <a:lnTo>
                  <a:pt x="1005566" y="2297117"/>
                </a:lnTo>
                <a:cubicBezTo>
                  <a:pt x="1542262" y="2297117"/>
                  <a:pt x="1902521" y="1940449"/>
                  <a:pt x="1902521" y="1407138"/>
                </a:cubicBezTo>
                <a:cubicBezTo>
                  <a:pt x="1902521" y="873828"/>
                  <a:pt x="1542344" y="517119"/>
                  <a:pt x="1005566" y="517119"/>
                </a:cubicBezTo>
                <a:close/>
                <a:moveTo>
                  <a:pt x="0" y="91196"/>
                </a:moveTo>
                <a:lnTo>
                  <a:pt x="974324" y="91196"/>
                </a:lnTo>
                <a:cubicBezTo>
                  <a:pt x="1815852" y="91196"/>
                  <a:pt x="2376856" y="617573"/>
                  <a:pt x="2376856" y="1407138"/>
                </a:cubicBezTo>
                <a:cubicBezTo>
                  <a:pt x="2376856" y="2196704"/>
                  <a:pt x="1815852" y="2723080"/>
                  <a:pt x="974324" y="2723080"/>
                </a:cubicBezTo>
                <a:lnTo>
                  <a:pt x="0" y="2723080"/>
                </a:lnTo>
                <a:close/>
                <a:moveTo>
                  <a:pt x="6196092" y="0"/>
                </a:moveTo>
                <a:cubicBezTo>
                  <a:pt x="6306906" y="0"/>
                  <a:pt x="6407320" y="20964"/>
                  <a:pt x="6504307" y="65828"/>
                </a:cubicBezTo>
                <a:lnTo>
                  <a:pt x="6400386" y="436364"/>
                </a:lnTo>
                <a:cubicBezTo>
                  <a:pt x="6338106" y="415563"/>
                  <a:pt x="6275787" y="405163"/>
                  <a:pt x="6227293" y="405163"/>
                </a:cubicBezTo>
                <a:cubicBezTo>
                  <a:pt x="6074877" y="405163"/>
                  <a:pt x="5970996" y="519485"/>
                  <a:pt x="5970996" y="689152"/>
                </a:cubicBezTo>
                <a:lnTo>
                  <a:pt x="5970996" y="995043"/>
                </a:lnTo>
                <a:lnTo>
                  <a:pt x="6597829" y="995165"/>
                </a:lnTo>
                <a:lnTo>
                  <a:pt x="6597829" y="1369167"/>
                </a:lnTo>
                <a:lnTo>
                  <a:pt x="5970996" y="1369167"/>
                </a:lnTo>
                <a:lnTo>
                  <a:pt x="5970996" y="2723243"/>
                </a:lnTo>
                <a:lnTo>
                  <a:pt x="5513872" y="2723243"/>
                </a:lnTo>
                <a:lnTo>
                  <a:pt x="5513872" y="1369167"/>
                </a:lnTo>
                <a:lnTo>
                  <a:pt x="5255823" y="1369167"/>
                </a:lnTo>
                <a:lnTo>
                  <a:pt x="5255823" y="995165"/>
                </a:lnTo>
                <a:lnTo>
                  <a:pt x="5513872" y="995165"/>
                </a:lnTo>
                <a:lnTo>
                  <a:pt x="5513872" y="689274"/>
                </a:lnTo>
                <a:cubicBezTo>
                  <a:pt x="5513872" y="277056"/>
                  <a:pt x="5787461" y="0"/>
                  <a:pt x="6196092" y="0"/>
                </a:cubicBezTo>
                <a:close/>
              </a:path>
            </a:pathLst>
          </a:custGeom>
          <a:solidFill>
            <a:srgbClr val="FFFFFF"/>
          </a:solidFill>
        </p:spPr>
        <p:txBody>
          <a:bodyPr wrap="square"/>
          <a:lstStyle>
            <a:lvl1pPr marL="0" indent="0">
              <a:buNone/>
              <a:defRPr sz="100">
                <a:noFill/>
              </a:defRPr>
            </a:lvl1pPr>
            <a:lvl2pPr>
              <a:defRPr sz="100"/>
            </a:lvl2pPr>
            <a:lvl3pPr>
              <a:defRPr sz="100"/>
            </a:lvl3pPr>
            <a:lvl4pPr>
              <a:defRPr sz="100"/>
            </a:lvl4pPr>
            <a:lvl5pPr>
              <a:defRPr sz="100"/>
            </a:lvl5pPr>
          </a:lstStyle>
          <a:p>
            <a:pPr lvl="0"/>
            <a:r>
              <a:rPr lang="da-DK" noProof="0"/>
              <a:t>Klik for at redigere teksttypografierne i masteren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 bwMode="white">
          <a:xfrm>
            <a:off x="1915650" y="3812823"/>
            <a:ext cx="3227850" cy="4448000"/>
          </a:xfrm>
        </p:spPr>
        <p:txBody>
          <a:bodyPr/>
          <a:lstStyle>
            <a:lvl1pPr algn="l">
              <a:defRPr sz="3038">
                <a:solidFill>
                  <a:schemeClr val="tx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3" name="Date Placeholder 3">
            <a:extLst>
              <a:ext uri="{FF2B5EF4-FFF2-40B4-BE49-F238E27FC236}">
                <a16:creationId xmlns:a16="http://schemas.microsoft.com/office/drawing/2014/main" id="{921358A9-8D16-07C7-33C2-B0DBD2E86449}"/>
              </a:ext>
            </a:extLst>
          </p:cNvPr>
          <p:cNvSpPr>
            <a:spLocks noGrp="1"/>
          </p:cNvSpPr>
          <p:nvPr>
            <p:ph type="dt" sz="half" idx="15"/>
          </p:nvPr>
        </p:nvSpPr>
        <p:spPr bwMode="white"/>
        <p:txBody>
          <a:bodyPr/>
          <a:lstStyle>
            <a:lvl1pPr>
              <a:defRPr/>
            </a:lvl1pPr>
          </a:lstStyle>
          <a:p>
            <a:pPr>
              <a:defRPr/>
            </a:pPr>
            <a:fld id="{A1243386-67A8-420B-B26D-6D6981F9D23D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4" name="Footer Placeholder 4">
            <a:extLst>
              <a:ext uri="{FF2B5EF4-FFF2-40B4-BE49-F238E27FC236}">
                <a16:creationId xmlns:a16="http://schemas.microsoft.com/office/drawing/2014/main" id="{3257A389-0694-F3B4-96D4-0BA88BE0E923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 bwMode="white">
          <a:xfrm>
            <a:off x="1916113" y="639763"/>
            <a:ext cx="3227387" cy="32067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5" name="Slide Number Placeholder 5">
            <a:extLst>
              <a:ext uri="{FF2B5EF4-FFF2-40B4-BE49-F238E27FC236}">
                <a16:creationId xmlns:a16="http://schemas.microsoft.com/office/drawing/2014/main" id="{173A34A8-AC31-AA2C-104A-0B5564D247CD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 bwMode="white"/>
        <p:txBody>
          <a:bodyPr/>
          <a:lstStyle>
            <a:lvl1pPr>
              <a:defRPr/>
            </a:lvl1pPr>
          </a:lstStyle>
          <a:p>
            <a:pPr>
              <a:defRPr/>
            </a:pPr>
            <a:fld id="{65F053F5-2DA5-4AE9-9BEE-3BE6D65D569F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89993513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med helside billed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5.element bund">
            <a:extLst>
              <a:ext uri="{FF2B5EF4-FFF2-40B4-BE49-F238E27FC236}">
                <a16:creationId xmlns:a16="http://schemas.microsoft.com/office/drawing/2014/main" id="{965E2761-136A-CC5A-0263-56DB2D5942B1}"/>
              </a:ext>
            </a:extLst>
          </p:cNvPr>
          <p:cNvSpPr/>
          <p:nvPr userDrawn="1"/>
        </p:nvSpPr>
        <p:spPr>
          <a:xfrm>
            <a:off x="4929188" y="6096000"/>
            <a:ext cx="1928812" cy="6096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20250" rIns="40500" bIns="2025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900" dirty="0"/>
          </a:p>
        </p:txBody>
      </p:sp>
      <p:sp>
        <p:nvSpPr>
          <p:cNvPr id="4" name="5.element top">
            <a:extLst>
              <a:ext uri="{FF2B5EF4-FFF2-40B4-BE49-F238E27FC236}">
                <a16:creationId xmlns:a16="http://schemas.microsoft.com/office/drawing/2014/main" id="{61C6FDF0-C9BE-89F4-F331-4578B4FDC45A}"/>
              </a:ext>
            </a:extLst>
          </p:cNvPr>
          <p:cNvSpPr/>
          <p:nvPr/>
        </p:nvSpPr>
        <p:spPr>
          <a:xfrm>
            <a:off x="4929188" y="0"/>
            <a:ext cx="1930400" cy="6096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20250" rIns="40500" bIns="2025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900" dirty="0"/>
          </a:p>
        </p:txBody>
      </p:sp>
      <p:sp>
        <p:nvSpPr>
          <p:cNvPr id="5" name="Logo">
            <a:extLst>
              <a:ext uri="{FF2B5EF4-FFF2-40B4-BE49-F238E27FC236}">
                <a16:creationId xmlns:a16="http://schemas.microsoft.com/office/drawing/2014/main" id="{95C27E8F-B51B-DCCF-C562-0F698DE7F959}"/>
              </a:ext>
            </a:extLst>
          </p:cNvPr>
          <p:cNvSpPr/>
          <p:nvPr userDrawn="1"/>
        </p:nvSpPr>
        <p:spPr bwMode="white">
          <a:xfrm>
            <a:off x="6197600" y="639763"/>
            <a:ext cx="355600" cy="635000"/>
          </a:xfrm>
          <a:custGeom>
            <a:avLst/>
            <a:gdLst>
              <a:gd name="connsiteX0" fmla="*/ 3991223 w 5553123"/>
              <a:gd name="connsiteY0" fmla="*/ 1407246 h 3128654"/>
              <a:gd name="connsiteX1" fmla="*/ 3430346 w 5553123"/>
              <a:gd name="connsiteY1" fmla="*/ 1968030 h 3128654"/>
              <a:gd name="connsiteX2" fmla="*/ 3597555 w 5553123"/>
              <a:gd name="connsiteY2" fmla="*/ 1999879 h 3128654"/>
              <a:gd name="connsiteX3" fmla="*/ 4017277 w 5553123"/>
              <a:gd name="connsiteY3" fmla="*/ 1565700 h 3128654"/>
              <a:gd name="connsiteX4" fmla="*/ 4017243 w 5553123"/>
              <a:gd name="connsiteY4" fmla="*/ 1565803 h 3128654"/>
              <a:gd name="connsiteX5" fmla="*/ 3991223 w 5553123"/>
              <a:gd name="connsiteY5" fmla="*/ 1407246 h 3128654"/>
              <a:gd name="connsiteX6" fmla="*/ 3597692 w 5553123"/>
              <a:gd name="connsiteY6" fmla="*/ 1131487 h 3128654"/>
              <a:gd name="connsiteX7" fmla="*/ 3172031 w 5553123"/>
              <a:gd name="connsiteY7" fmla="*/ 1565700 h 3128654"/>
              <a:gd name="connsiteX8" fmla="*/ 3171997 w 5553123"/>
              <a:gd name="connsiteY8" fmla="*/ 1565803 h 3128654"/>
              <a:gd name="connsiteX9" fmla="*/ 3197296 w 5553123"/>
              <a:gd name="connsiteY9" fmla="*/ 1722061 h 3128654"/>
              <a:gd name="connsiteX10" fmla="*/ 3757830 w 5553123"/>
              <a:gd name="connsiteY10" fmla="*/ 1161723 h 3128654"/>
              <a:gd name="connsiteX11" fmla="*/ 3597692 w 5553123"/>
              <a:gd name="connsiteY11" fmla="*/ 1131487 h 3128654"/>
              <a:gd name="connsiteX12" fmla="*/ 2205438 w 5553123"/>
              <a:gd name="connsiteY12" fmla="*/ 837298 h 3128654"/>
              <a:gd name="connsiteX13" fmla="*/ 2590180 w 5553123"/>
              <a:gd name="connsiteY13" fmla="*/ 837298 h 3128654"/>
              <a:gd name="connsiteX14" fmla="*/ 2590180 w 5553123"/>
              <a:gd name="connsiteY14" fmla="*/ 2548651 h 3128654"/>
              <a:gd name="connsiteX15" fmla="*/ 2015984 w 5553123"/>
              <a:gd name="connsiteY15" fmla="*/ 3128654 h 3128654"/>
              <a:gd name="connsiteX16" fmla="*/ 1756572 w 5553123"/>
              <a:gd name="connsiteY16" fmla="*/ 3073262 h 3128654"/>
              <a:gd name="connsiteX17" fmla="*/ 1844038 w 5553123"/>
              <a:gd name="connsiteY17" fmla="*/ 2761571 h 3128654"/>
              <a:gd name="connsiteX18" fmla="*/ 1989724 w 5553123"/>
              <a:gd name="connsiteY18" fmla="*/ 2787791 h 3128654"/>
              <a:gd name="connsiteX19" fmla="*/ 2205438 w 5553123"/>
              <a:gd name="connsiteY19" fmla="*/ 2548857 h 3128654"/>
              <a:gd name="connsiteX20" fmla="*/ 4139105 w 5553123"/>
              <a:gd name="connsiteY20" fmla="*/ 780499 h 3128654"/>
              <a:gd name="connsiteX21" fmla="*/ 4378642 w 5553123"/>
              <a:gd name="connsiteY21" fmla="*/ 1020017 h 3128654"/>
              <a:gd name="connsiteX22" fmla="*/ 4263474 w 5553123"/>
              <a:gd name="connsiteY22" fmla="*/ 1135365 h 3128654"/>
              <a:gd name="connsiteX23" fmla="*/ 4390485 w 5553123"/>
              <a:gd name="connsiteY23" fmla="*/ 1565769 h 3128654"/>
              <a:gd name="connsiteX24" fmla="*/ 3597520 w 5553123"/>
              <a:gd name="connsiteY24" fmla="*/ 2335080 h 3128654"/>
              <a:gd name="connsiteX25" fmla="*/ 3173748 w 5553123"/>
              <a:gd name="connsiteY25" fmla="*/ 2224604 h 3128654"/>
              <a:gd name="connsiteX26" fmla="*/ 3050169 w 5553123"/>
              <a:gd name="connsiteY26" fmla="*/ 2348155 h 3128654"/>
              <a:gd name="connsiteX27" fmla="*/ 2810563 w 5553123"/>
              <a:gd name="connsiteY27" fmla="*/ 2108707 h 3128654"/>
              <a:gd name="connsiteX28" fmla="*/ 2925320 w 5553123"/>
              <a:gd name="connsiteY28" fmla="*/ 1993976 h 3128654"/>
              <a:gd name="connsiteX29" fmla="*/ 2798892 w 5553123"/>
              <a:gd name="connsiteY29" fmla="*/ 1565838 h 3128654"/>
              <a:gd name="connsiteX30" fmla="*/ 3597486 w 5553123"/>
              <a:gd name="connsiteY30" fmla="*/ 793644 h 3128654"/>
              <a:gd name="connsiteX31" fmla="*/ 4015526 w 5553123"/>
              <a:gd name="connsiteY31" fmla="*/ 904050 h 3128654"/>
              <a:gd name="connsiteX32" fmla="*/ 396379 w 5553123"/>
              <a:gd name="connsiteY32" fmla="*/ 435140 h 3128654"/>
              <a:gd name="connsiteX33" fmla="*/ 396379 w 5553123"/>
              <a:gd name="connsiteY33" fmla="*/ 1932956 h 3128654"/>
              <a:gd name="connsiteX34" fmla="*/ 846344 w 5553123"/>
              <a:gd name="connsiteY34" fmla="*/ 1932956 h 3128654"/>
              <a:gd name="connsiteX35" fmla="*/ 1601274 w 5553123"/>
              <a:gd name="connsiteY35" fmla="*/ 1184065 h 3128654"/>
              <a:gd name="connsiteX36" fmla="*/ 846344 w 5553123"/>
              <a:gd name="connsiteY36" fmla="*/ 435140 h 3128654"/>
              <a:gd name="connsiteX37" fmla="*/ 0 w 5553123"/>
              <a:gd name="connsiteY37" fmla="*/ 76739 h 3128654"/>
              <a:gd name="connsiteX38" fmla="*/ 820049 w 5553123"/>
              <a:gd name="connsiteY38" fmla="*/ 76739 h 3128654"/>
              <a:gd name="connsiteX39" fmla="*/ 2000502 w 5553123"/>
              <a:gd name="connsiteY39" fmla="*/ 1184065 h 3128654"/>
              <a:gd name="connsiteX40" fmla="*/ 820049 w 5553123"/>
              <a:gd name="connsiteY40" fmla="*/ 2291391 h 3128654"/>
              <a:gd name="connsiteX41" fmla="*/ 0 w 5553123"/>
              <a:gd name="connsiteY41" fmla="*/ 2291391 h 3128654"/>
              <a:gd name="connsiteX42" fmla="*/ 5214998 w 5553123"/>
              <a:gd name="connsiteY42" fmla="*/ 0 h 3128654"/>
              <a:gd name="connsiteX43" fmla="*/ 5474410 w 5553123"/>
              <a:gd name="connsiteY43" fmla="*/ 55393 h 3128654"/>
              <a:gd name="connsiteX44" fmla="*/ 5386944 w 5553123"/>
              <a:gd name="connsiteY44" fmla="*/ 367187 h 3128654"/>
              <a:gd name="connsiteX45" fmla="*/ 5241258 w 5553123"/>
              <a:gd name="connsiteY45" fmla="*/ 340932 h 3128654"/>
              <a:gd name="connsiteX46" fmla="*/ 5025544 w 5553123"/>
              <a:gd name="connsiteY46" fmla="*/ 579901 h 3128654"/>
              <a:gd name="connsiteX47" fmla="*/ 5025544 w 5553123"/>
              <a:gd name="connsiteY47" fmla="*/ 837299 h 3128654"/>
              <a:gd name="connsiteX48" fmla="*/ 5553123 w 5553123"/>
              <a:gd name="connsiteY48" fmla="*/ 837402 h 3128654"/>
              <a:gd name="connsiteX49" fmla="*/ 5553123 w 5553123"/>
              <a:gd name="connsiteY49" fmla="*/ 1152113 h 3128654"/>
              <a:gd name="connsiteX50" fmla="*/ 5025544 w 5553123"/>
              <a:gd name="connsiteY50" fmla="*/ 1152113 h 3128654"/>
              <a:gd name="connsiteX51" fmla="*/ 5025544 w 5553123"/>
              <a:gd name="connsiteY51" fmla="*/ 2291528 h 3128654"/>
              <a:gd name="connsiteX52" fmla="*/ 4640802 w 5553123"/>
              <a:gd name="connsiteY52" fmla="*/ 2291528 h 3128654"/>
              <a:gd name="connsiteX53" fmla="*/ 4640802 w 5553123"/>
              <a:gd name="connsiteY53" fmla="*/ 1152113 h 3128654"/>
              <a:gd name="connsiteX54" fmla="*/ 4423612 w 5553123"/>
              <a:gd name="connsiteY54" fmla="*/ 1152113 h 3128654"/>
              <a:gd name="connsiteX55" fmla="*/ 4423612 w 5553123"/>
              <a:gd name="connsiteY55" fmla="*/ 837402 h 3128654"/>
              <a:gd name="connsiteX56" fmla="*/ 4640802 w 5553123"/>
              <a:gd name="connsiteY56" fmla="*/ 837402 h 3128654"/>
              <a:gd name="connsiteX57" fmla="*/ 4640802 w 5553123"/>
              <a:gd name="connsiteY57" fmla="*/ 580004 h 3128654"/>
              <a:gd name="connsiteX58" fmla="*/ 5214998 w 5553123"/>
              <a:gd name="connsiteY58" fmla="*/ 0 h 31286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5553123" h="3128654">
                <a:moveTo>
                  <a:pt x="3991223" y="1407246"/>
                </a:moveTo>
                <a:lnTo>
                  <a:pt x="3430346" y="1968030"/>
                </a:lnTo>
                <a:cubicBezTo>
                  <a:pt x="3483553" y="1989213"/>
                  <a:pt x="3540297" y="2000023"/>
                  <a:pt x="3597555" y="1999879"/>
                </a:cubicBezTo>
                <a:cubicBezTo>
                  <a:pt x="3819070" y="1999879"/>
                  <a:pt x="4017277" y="1836826"/>
                  <a:pt x="4017277" y="1565700"/>
                </a:cubicBezTo>
                <a:lnTo>
                  <a:pt x="4017243" y="1565803"/>
                </a:lnTo>
                <a:cubicBezTo>
                  <a:pt x="4017518" y="1511866"/>
                  <a:pt x="4008729" y="1458269"/>
                  <a:pt x="3991223" y="1407246"/>
                </a:cubicBezTo>
                <a:close/>
                <a:moveTo>
                  <a:pt x="3597692" y="1131487"/>
                </a:moveTo>
                <a:cubicBezTo>
                  <a:pt x="3370204" y="1131487"/>
                  <a:pt x="3172031" y="1294574"/>
                  <a:pt x="3172031" y="1565700"/>
                </a:cubicBezTo>
                <a:lnTo>
                  <a:pt x="3171997" y="1565803"/>
                </a:lnTo>
                <a:cubicBezTo>
                  <a:pt x="3171757" y="1618927"/>
                  <a:pt x="3180304" y="1671724"/>
                  <a:pt x="3197296" y="1722061"/>
                </a:cubicBezTo>
                <a:lnTo>
                  <a:pt x="3757830" y="1161723"/>
                </a:lnTo>
                <a:cubicBezTo>
                  <a:pt x="3706819" y="1141649"/>
                  <a:pt x="3652513" y="1131391"/>
                  <a:pt x="3597692" y="1131487"/>
                </a:cubicBezTo>
                <a:close/>
                <a:moveTo>
                  <a:pt x="2205438" y="837298"/>
                </a:moveTo>
                <a:lnTo>
                  <a:pt x="2590180" y="837298"/>
                </a:lnTo>
                <a:lnTo>
                  <a:pt x="2590180" y="2548651"/>
                </a:lnTo>
                <a:cubicBezTo>
                  <a:pt x="2590180" y="2895520"/>
                  <a:pt x="2359911" y="3128654"/>
                  <a:pt x="2015984" y="3128654"/>
                </a:cubicBezTo>
                <a:cubicBezTo>
                  <a:pt x="1922717" y="3128654"/>
                  <a:pt x="1838202" y="3111014"/>
                  <a:pt x="1756572" y="3073262"/>
                </a:cubicBezTo>
                <a:lnTo>
                  <a:pt x="1844038" y="2761571"/>
                </a:lnTo>
                <a:cubicBezTo>
                  <a:pt x="1896456" y="2779074"/>
                  <a:pt x="1948909" y="2787791"/>
                  <a:pt x="1989724" y="2787791"/>
                </a:cubicBezTo>
                <a:cubicBezTo>
                  <a:pt x="2118006" y="2787791"/>
                  <a:pt x="2205438" y="2691627"/>
                  <a:pt x="2205438" y="2548857"/>
                </a:cubicBezTo>
                <a:close/>
                <a:moveTo>
                  <a:pt x="4139105" y="780499"/>
                </a:moveTo>
                <a:lnTo>
                  <a:pt x="4378642" y="1020017"/>
                </a:lnTo>
                <a:lnTo>
                  <a:pt x="4263474" y="1135365"/>
                </a:lnTo>
                <a:cubicBezTo>
                  <a:pt x="4343457" y="1255038"/>
                  <a:pt x="4390485" y="1401034"/>
                  <a:pt x="4390485" y="1565769"/>
                </a:cubicBezTo>
                <a:cubicBezTo>
                  <a:pt x="4390485" y="2023285"/>
                  <a:pt x="4028880" y="2335080"/>
                  <a:pt x="3597520" y="2335080"/>
                </a:cubicBezTo>
                <a:cubicBezTo>
                  <a:pt x="3442429" y="2335080"/>
                  <a:pt x="3296983" y="2295681"/>
                  <a:pt x="3173748" y="2224604"/>
                </a:cubicBezTo>
                <a:lnTo>
                  <a:pt x="3050169" y="2348155"/>
                </a:lnTo>
                <a:lnTo>
                  <a:pt x="2810563" y="2108707"/>
                </a:lnTo>
                <a:lnTo>
                  <a:pt x="2925320" y="1993976"/>
                </a:lnTo>
                <a:cubicBezTo>
                  <a:pt x="2845543" y="1875058"/>
                  <a:pt x="2798892" y="1729886"/>
                  <a:pt x="2798892" y="1565838"/>
                </a:cubicBezTo>
                <a:cubicBezTo>
                  <a:pt x="2798892" y="1108390"/>
                  <a:pt x="3160291" y="793644"/>
                  <a:pt x="3597486" y="793644"/>
                </a:cubicBezTo>
                <a:cubicBezTo>
                  <a:pt x="3749866" y="793644"/>
                  <a:pt x="3893424" y="833077"/>
                  <a:pt x="4015526" y="904050"/>
                </a:cubicBezTo>
                <a:close/>
                <a:moveTo>
                  <a:pt x="396379" y="435140"/>
                </a:moveTo>
                <a:lnTo>
                  <a:pt x="396379" y="1932956"/>
                </a:lnTo>
                <a:lnTo>
                  <a:pt x="846344" y="1932956"/>
                </a:lnTo>
                <a:cubicBezTo>
                  <a:pt x="1298059" y="1932956"/>
                  <a:pt x="1601274" y="1632830"/>
                  <a:pt x="1601274" y="1184065"/>
                </a:cubicBezTo>
                <a:cubicBezTo>
                  <a:pt x="1601274" y="735300"/>
                  <a:pt x="1298128" y="435140"/>
                  <a:pt x="846344" y="435140"/>
                </a:cubicBezTo>
                <a:close/>
                <a:moveTo>
                  <a:pt x="0" y="76739"/>
                </a:moveTo>
                <a:lnTo>
                  <a:pt x="820049" y="76739"/>
                </a:lnTo>
                <a:cubicBezTo>
                  <a:pt x="1528328" y="76739"/>
                  <a:pt x="2000502" y="519670"/>
                  <a:pt x="2000502" y="1184065"/>
                </a:cubicBezTo>
                <a:cubicBezTo>
                  <a:pt x="2000502" y="1848460"/>
                  <a:pt x="1528328" y="2291391"/>
                  <a:pt x="820049" y="2291391"/>
                </a:cubicBezTo>
                <a:lnTo>
                  <a:pt x="0" y="2291391"/>
                </a:lnTo>
                <a:close/>
                <a:moveTo>
                  <a:pt x="5214998" y="0"/>
                </a:moveTo>
                <a:cubicBezTo>
                  <a:pt x="5308265" y="0"/>
                  <a:pt x="5392780" y="17641"/>
                  <a:pt x="5474410" y="55393"/>
                </a:cubicBezTo>
                <a:lnTo>
                  <a:pt x="5386944" y="367187"/>
                </a:lnTo>
                <a:cubicBezTo>
                  <a:pt x="5334526" y="349684"/>
                  <a:pt x="5282074" y="340932"/>
                  <a:pt x="5241258" y="340932"/>
                </a:cubicBezTo>
                <a:cubicBezTo>
                  <a:pt x="5112976" y="340932"/>
                  <a:pt x="5025544" y="437131"/>
                  <a:pt x="5025544" y="579901"/>
                </a:cubicBezTo>
                <a:lnTo>
                  <a:pt x="5025544" y="837299"/>
                </a:lnTo>
                <a:lnTo>
                  <a:pt x="5553123" y="837402"/>
                </a:lnTo>
                <a:lnTo>
                  <a:pt x="5553123" y="1152113"/>
                </a:lnTo>
                <a:lnTo>
                  <a:pt x="5025544" y="1152113"/>
                </a:lnTo>
                <a:lnTo>
                  <a:pt x="5025544" y="2291528"/>
                </a:lnTo>
                <a:lnTo>
                  <a:pt x="4640802" y="2291528"/>
                </a:lnTo>
                <a:lnTo>
                  <a:pt x="4640802" y="1152113"/>
                </a:lnTo>
                <a:lnTo>
                  <a:pt x="4423612" y="1152113"/>
                </a:lnTo>
                <a:lnTo>
                  <a:pt x="4423612" y="837402"/>
                </a:lnTo>
                <a:lnTo>
                  <a:pt x="4640802" y="837402"/>
                </a:lnTo>
                <a:lnTo>
                  <a:pt x="4640802" y="580004"/>
                </a:lnTo>
                <a:cubicBezTo>
                  <a:pt x="4640802" y="233134"/>
                  <a:pt x="4871070" y="0"/>
                  <a:pt x="5214998" y="0"/>
                </a:cubicBezTo>
                <a:close/>
              </a:path>
            </a:pathLst>
          </a:custGeom>
          <a:solidFill>
            <a:srgbClr val="FFFFFF"/>
          </a:solidFill>
          <a:ln w="3432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sp>
        <p:nvSpPr>
          <p:cNvPr id="7" name="Pladsholder til billede 6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6858675" cy="12192000"/>
          </a:xfrm>
          <a:custGeom>
            <a:avLst/>
            <a:gdLst>
              <a:gd name="connsiteX0" fmla="*/ 12193200 w 12193200"/>
              <a:gd name="connsiteY0" fmla="*/ 5143500 h 6858000"/>
              <a:gd name="connsiteX1" fmla="*/ 12193200 w 12193200"/>
              <a:gd name="connsiteY1" fmla="*/ 6858000 h 6858000"/>
              <a:gd name="connsiteX2" fmla="*/ 10478700 w 12193200"/>
              <a:gd name="connsiteY2" fmla="*/ 6858000 h 6858000"/>
              <a:gd name="connsiteX3" fmla="*/ 12193200 w 12193200"/>
              <a:gd name="connsiteY3" fmla="*/ 5143500 h 6858000"/>
              <a:gd name="connsiteX4" fmla="*/ 10478700 w 12193200"/>
              <a:gd name="connsiteY4" fmla="*/ 3429000 h 6858000"/>
              <a:gd name="connsiteX5" fmla="*/ 12193200 w 12193200"/>
              <a:gd name="connsiteY5" fmla="*/ 3429000 h 6858000"/>
              <a:gd name="connsiteX6" fmla="*/ 12193200 w 12193200"/>
              <a:gd name="connsiteY6" fmla="*/ 5143500 h 6858000"/>
              <a:gd name="connsiteX7" fmla="*/ 10478700 w 12193200"/>
              <a:gd name="connsiteY7" fmla="*/ 3429000 h 6858000"/>
              <a:gd name="connsiteX8" fmla="*/ 0 w 12193200"/>
              <a:gd name="connsiteY8" fmla="*/ 0 h 6858000"/>
              <a:gd name="connsiteX9" fmla="*/ 8764200 w 12193200"/>
              <a:gd name="connsiteY9" fmla="*/ 0 h 6858000"/>
              <a:gd name="connsiteX10" fmla="*/ 8764200 w 12193200"/>
              <a:gd name="connsiteY10" fmla="*/ 3429000 h 6858000"/>
              <a:gd name="connsiteX11" fmla="*/ 10478700 w 12193200"/>
              <a:gd name="connsiteY11" fmla="*/ 3429000 h 6858000"/>
              <a:gd name="connsiteX12" fmla="*/ 8764200 w 12193200"/>
              <a:gd name="connsiteY12" fmla="*/ 5143500 h 6858000"/>
              <a:gd name="connsiteX13" fmla="*/ 10478700 w 12193200"/>
              <a:gd name="connsiteY13" fmla="*/ 6858000 h 6858000"/>
              <a:gd name="connsiteX14" fmla="*/ 0 w 12193200"/>
              <a:gd name="connsiteY14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</a:cxnLst>
            <a:rect l="l" t="t" r="r" b="b"/>
            <a:pathLst>
              <a:path w="12193200" h="6858000">
                <a:moveTo>
                  <a:pt x="12193200" y="5143500"/>
                </a:moveTo>
                <a:lnTo>
                  <a:pt x="12193200" y="6858000"/>
                </a:lnTo>
                <a:lnTo>
                  <a:pt x="10478700" y="6858000"/>
                </a:lnTo>
                <a:cubicBezTo>
                  <a:pt x="11425592" y="6858000"/>
                  <a:pt x="12193200" y="6090392"/>
                  <a:pt x="12193200" y="5143500"/>
                </a:cubicBezTo>
                <a:close/>
                <a:moveTo>
                  <a:pt x="10478700" y="3429000"/>
                </a:moveTo>
                <a:lnTo>
                  <a:pt x="12193200" y="3429000"/>
                </a:lnTo>
                <a:lnTo>
                  <a:pt x="12193200" y="5143500"/>
                </a:lnTo>
                <a:cubicBezTo>
                  <a:pt x="12193200" y="4196608"/>
                  <a:pt x="11425592" y="3429000"/>
                  <a:pt x="10478700" y="3429000"/>
                </a:cubicBezTo>
                <a:close/>
                <a:moveTo>
                  <a:pt x="0" y="0"/>
                </a:moveTo>
                <a:lnTo>
                  <a:pt x="8764200" y="0"/>
                </a:lnTo>
                <a:lnTo>
                  <a:pt x="8764200" y="3429000"/>
                </a:lnTo>
                <a:lnTo>
                  <a:pt x="10478700" y="3429000"/>
                </a:lnTo>
                <a:cubicBezTo>
                  <a:pt x="9531808" y="3429000"/>
                  <a:pt x="8764200" y="4196608"/>
                  <a:pt x="8764200" y="5143500"/>
                </a:cubicBezTo>
                <a:cubicBezTo>
                  <a:pt x="8764200" y="6090392"/>
                  <a:pt x="9531808" y="6858000"/>
                  <a:pt x="10478700" y="6858000"/>
                </a:cubicBezTo>
                <a:lnTo>
                  <a:pt x="0" y="6858000"/>
                </a:lnTo>
                <a:close/>
              </a:path>
            </a:pathLst>
          </a:custGeom>
          <a:solidFill>
            <a:schemeClr val="bg1">
              <a:lumMod val="85000"/>
            </a:schemeClr>
          </a:solidFill>
        </p:spPr>
        <p:txBody>
          <a:bodyPr wrap="square" lIns="540000" tIns="108000"/>
          <a:lstStyle>
            <a:lvl1pPr marL="0" indent="0" algn="l">
              <a:buNone/>
              <a:defRPr sz="788"/>
            </a:lvl1pPr>
          </a:lstStyle>
          <a:p>
            <a:pPr lvl="0"/>
            <a:r>
              <a:rPr lang="da-DK" noProof="0"/>
              <a:t>Klik på ikonet for at tilføje et billede</a:t>
            </a:r>
            <a:endParaRPr lang="da-DK" noProof="0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 bwMode="white">
          <a:xfrm>
            <a:off x="303609" y="3812823"/>
            <a:ext cx="4099621" cy="4442677"/>
          </a:xfrm>
        </p:spPr>
        <p:txBody>
          <a:bodyPr anchor="ctr"/>
          <a:lstStyle>
            <a:lvl1pPr algn="l">
              <a:defRPr sz="3038"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6" name="Date Placeholder 7">
            <a:extLst>
              <a:ext uri="{FF2B5EF4-FFF2-40B4-BE49-F238E27FC236}">
                <a16:creationId xmlns:a16="http://schemas.microsoft.com/office/drawing/2014/main" id="{C6B1E569-33A3-B003-BEA1-741CBA0D0837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 smtClean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F242956D-A3FB-4554-BBC9-5A81110F892A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8" name="Footer Placeholder 8">
            <a:extLst>
              <a:ext uri="{FF2B5EF4-FFF2-40B4-BE49-F238E27FC236}">
                <a16:creationId xmlns:a16="http://schemas.microsoft.com/office/drawing/2014/main" id="{4B8C96AD-DB5C-B7AE-8086-81CB756F13B7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 dirty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9" name="Slide Number Placeholder 9">
            <a:extLst>
              <a:ext uri="{FF2B5EF4-FFF2-40B4-BE49-F238E27FC236}">
                <a16:creationId xmlns:a16="http://schemas.microsoft.com/office/drawing/2014/main" id="{6ED3F4DE-7433-16A1-9359-69A72B903688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 smtClean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A9B16437-E7F0-41D8-ADF1-0E683725F0A1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76810714"/>
      </p:ext>
    </p:extLst>
  </p:cSld>
  <p:clrMapOvr>
    <a:masterClrMapping/>
  </p:clrMapOvr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med billed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ggrund">
            <a:extLst>
              <a:ext uri="{FF2B5EF4-FFF2-40B4-BE49-F238E27FC236}">
                <a16:creationId xmlns:a16="http://schemas.microsoft.com/office/drawing/2014/main" id="{4885BA28-6409-99D7-0641-1D30D78492C0}"/>
              </a:ext>
            </a:extLst>
          </p:cNvPr>
          <p:cNvSpPr/>
          <p:nvPr userDrawn="1"/>
        </p:nvSpPr>
        <p:spPr bwMode="ltGray">
          <a:xfrm>
            <a:off x="0" y="0"/>
            <a:ext cx="6858000" cy="12192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20250" rIns="40500" bIns="2025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125" dirty="0"/>
          </a:p>
        </p:txBody>
      </p:sp>
      <p:sp>
        <p:nvSpPr>
          <p:cNvPr id="8" name="Picture Placeholder 7"/>
          <p:cNvSpPr>
            <a:spLocks noGrp="1"/>
          </p:cNvSpPr>
          <p:nvPr>
            <p:ph type="pic" sz="quarter" idx="13"/>
          </p:nvPr>
        </p:nvSpPr>
        <p:spPr>
          <a:xfrm>
            <a:off x="3864769" y="0"/>
            <a:ext cx="2993234" cy="12199164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lIns="360000" tIns="108000" rIns="2052000"/>
          <a:lstStyle>
            <a:lvl1pPr marL="0" indent="0" algn="l">
              <a:buNone/>
              <a:defRPr sz="788"/>
            </a:lvl1pPr>
          </a:lstStyle>
          <a:p>
            <a:pPr lvl="0"/>
            <a:r>
              <a:rPr lang="da-DK" noProof="0"/>
              <a:t>Klik på ikonet for at tilføje et billede</a:t>
            </a:r>
            <a:endParaRPr lang="da-DK" noProof="0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 bwMode="white">
          <a:xfrm>
            <a:off x="303609" y="3812821"/>
            <a:ext cx="3226297" cy="4441600"/>
          </a:xfrm>
        </p:spPr>
        <p:txBody>
          <a:bodyPr anchor="ctr"/>
          <a:lstStyle>
            <a:lvl1pPr algn="l">
              <a:defRPr sz="3038"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4" name="Logo on top"/>
          <p:cNvSpPr>
            <a:spLocks noGrp="1"/>
          </p:cNvSpPr>
          <p:nvPr>
            <p:ph type="body" sz="quarter" idx="14"/>
          </p:nvPr>
        </p:nvSpPr>
        <p:spPr bwMode="white">
          <a:xfrm>
            <a:off x="6197577" y="640000"/>
            <a:ext cx="355921" cy="634052"/>
          </a:xfrm>
          <a:custGeom>
            <a:avLst/>
            <a:gdLst>
              <a:gd name="connsiteX0" fmla="*/ 4742089 w 6597829"/>
              <a:gd name="connsiteY0" fmla="*/ 1672366 h 3718082"/>
              <a:gd name="connsiteX1" fmla="*/ 4075695 w 6597829"/>
              <a:gd name="connsiteY1" fmla="*/ 2338800 h 3718082"/>
              <a:gd name="connsiteX2" fmla="*/ 4274361 w 6597829"/>
              <a:gd name="connsiteY2" fmla="*/ 2376649 h 3718082"/>
              <a:gd name="connsiteX3" fmla="*/ 4773045 w 6597829"/>
              <a:gd name="connsiteY3" fmla="*/ 1860672 h 3718082"/>
              <a:gd name="connsiteX4" fmla="*/ 4773004 w 6597829"/>
              <a:gd name="connsiteY4" fmla="*/ 1860795 h 3718082"/>
              <a:gd name="connsiteX5" fmla="*/ 4742089 w 6597829"/>
              <a:gd name="connsiteY5" fmla="*/ 1672366 h 3718082"/>
              <a:gd name="connsiteX6" fmla="*/ 4274524 w 6597829"/>
              <a:gd name="connsiteY6" fmla="*/ 1344655 h 3718082"/>
              <a:gd name="connsiteX7" fmla="*/ 3768784 w 6597829"/>
              <a:gd name="connsiteY7" fmla="*/ 1860672 h 3718082"/>
              <a:gd name="connsiteX8" fmla="*/ 3768743 w 6597829"/>
              <a:gd name="connsiteY8" fmla="*/ 1860795 h 3718082"/>
              <a:gd name="connsiteX9" fmla="*/ 3798802 w 6597829"/>
              <a:gd name="connsiteY9" fmla="*/ 2046491 h 3718082"/>
              <a:gd name="connsiteX10" fmla="*/ 4464789 w 6597829"/>
              <a:gd name="connsiteY10" fmla="*/ 1380587 h 3718082"/>
              <a:gd name="connsiteX11" fmla="*/ 4274524 w 6597829"/>
              <a:gd name="connsiteY11" fmla="*/ 1344655 h 3718082"/>
              <a:gd name="connsiteX12" fmla="*/ 2620346 w 6597829"/>
              <a:gd name="connsiteY12" fmla="*/ 995042 h 3718082"/>
              <a:gd name="connsiteX13" fmla="*/ 3077470 w 6597829"/>
              <a:gd name="connsiteY13" fmla="*/ 995042 h 3718082"/>
              <a:gd name="connsiteX14" fmla="*/ 3077470 w 6597829"/>
              <a:gd name="connsiteY14" fmla="*/ 3028808 h 3718082"/>
              <a:gd name="connsiteX15" fmla="*/ 2395251 w 6597829"/>
              <a:gd name="connsiteY15" fmla="*/ 3718082 h 3718082"/>
              <a:gd name="connsiteX16" fmla="*/ 2087035 w 6597829"/>
              <a:gd name="connsiteY16" fmla="*/ 3652254 h 3718082"/>
              <a:gd name="connsiteX17" fmla="*/ 2190956 w 6597829"/>
              <a:gd name="connsiteY17" fmla="*/ 3281841 h 3718082"/>
              <a:gd name="connsiteX18" fmla="*/ 2364050 w 6597829"/>
              <a:gd name="connsiteY18" fmla="*/ 3313001 h 3718082"/>
              <a:gd name="connsiteX19" fmla="*/ 2620346 w 6597829"/>
              <a:gd name="connsiteY19" fmla="*/ 3029053 h 3718082"/>
              <a:gd name="connsiteX20" fmla="*/ 4917793 w 6597829"/>
              <a:gd name="connsiteY20" fmla="*/ 927542 h 3718082"/>
              <a:gd name="connsiteX21" fmla="*/ 5202394 w 6597829"/>
              <a:gd name="connsiteY21" fmla="*/ 1212184 h 3718082"/>
              <a:gd name="connsiteX22" fmla="*/ 5065559 w 6597829"/>
              <a:gd name="connsiteY22" fmla="*/ 1349264 h 3718082"/>
              <a:gd name="connsiteX23" fmla="*/ 5216465 w 6597829"/>
              <a:gd name="connsiteY23" fmla="*/ 1860754 h 3718082"/>
              <a:gd name="connsiteX24" fmla="*/ 4274320 w 6597829"/>
              <a:gd name="connsiteY24" fmla="*/ 2775000 h 3718082"/>
              <a:gd name="connsiteX25" fmla="*/ 3770823 w 6597829"/>
              <a:gd name="connsiteY25" fmla="*/ 2643712 h 3718082"/>
              <a:gd name="connsiteX26" fmla="*/ 3623995 w 6597829"/>
              <a:gd name="connsiteY26" fmla="*/ 2790539 h 3718082"/>
              <a:gd name="connsiteX27" fmla="*/ 3339313 w 6597829"/>
              <a:gd name="connsiteY27" fmla="*/ 2505979 h 3718082"/>
              <a:gd name="connsiteX28" fmla="*/ 3475659 w 6597829"/>
              <a:gd name="connsiteY28" fmla="*/ 2369634 h 3718082"/>
              <a:gd name="connsiteX29" fmla="*/ 3325446 w 6597829"/>
              <a:gd name="connsiteY29" fmla="*/ 1860836 h 3718082"/>
              <a:gd name="connsiteX30" fmla="*/ 4274279 w 6597829"/>
              <a:gd name="connsiteY30" fmla="*/ 943163 h 3718082"/>
              <a:gd name="connsiteX31" fmla="*/ 4770965 w 6597829"/>
              <a:gd name="connsiteY31" fmla="*/ 1074370 h 3718082"/>
              <a:gd name="connsiteX32" fmla="*/ 470950 w 6597829"/>
              <a:gd name="connsiteY32" fmla="*/ 517119 h 3718082"/>
              <a:gd name="connsiteX33" fmla="*/ 470950 w 6597829"/>
              <a:gd name="connsiteY33" fmla="*/ 2297117 h 3718082"/>
              <a:gd name="connsiteX34" fmla="*/ 1005566 w 6597829"/>
              <a:gd name="connsiteY34" fmla="*/ 2297117 h 3718082"/>
              <a:gd name="connsiteX35" fmla="*/ 1902521 w 6597829"/>
              <a:gd name="connsiteY35" fmla="*/ 1407138 h 3718082"/>
              <a:gd name="connsiteX36" fmla="*/ 1005566 w 6597829"/>
              <a:gd name="connsiteY36" fmla="*/ 517119 h 3718082"/>
              <a:gd name="connsiteX37" fmla="*/ 0 w 6597829"/>
              <a:gd name="connsiteY37" fmla="*/ 91196 h 3718082"/>
              <a:gd name="connsiteX38" fmla="*/ 974324 w 6597829"/>
              <a:gd name="connsiteY38" fmla="*/ 91196 h 3718082"/>
              <a:gd name="connsiteX39" fmla="*/ 2376856 w 6597829"/>
              <a:gd name="connsiteY39" fmla="*/ 1407138 h 3718082"/>
              <a:gd name="connsiteX40" fmla="*/ 974324 w 6597829"/>
              <a:gd name="connsiteY40" fmla="*/ 2723080 h 3718082"/>
              <a:gd name="connsiteX41" fmla="*/ 0 w 6597829"/>
              <a:gd name="connsiteY41" fmla="*/ 2723080 h 3718082"/>
              <a:gd name="connsiteX42" fmla="*/ 6196092 w 6597829"/>
              <a:gd name="connsiteY42" fmla="*/ 0 h 3718082"/>
              <a:gd name="connsiteX43" fmla="*/ 6504307 w 6597829"/>
              <a:gd name="connsiteY43" fmla="*/ 65828 h 3718082"/>
              <a:gd name="connsiteX44" fmla="*/ 6400386 w 6597829"/>
              <a:gd name="connsiteY44" fmla="*/ 436364 h 3718082"/>
              <a:gd name="connsiteX45" fmla="*/ 6227293 w 6597829"/>
              <a:gd name="connsiteY45" fmla="*/ 405163 h 3718082"/>
              <a:gd name="connsiteX46" fmla="*/ 5970996 w 6597829"/>
              <a:gd name="connsiteY46" fmla="*/ 689152 h 3718082"/>
              <a:gd name="connsiteX47" fmla="*/ 5970996 w 6597829"/>
              <a:gd name="connsiteY47" fmla="*/ 995043 h 3718082"/>
              <a:gd name="connsiteX48" fmla="*/ 6597829 w 6597829"/>
              <a:gd name="connsiteY48" fmla="*/ 995165 h 3718082"/>
              <a:gd name="connsiteX49" fmla="*/ 6597829 w 6597829"/>
              <a:gd name="connsiteY49" fmla="*/ 1369167 h 3718082"/>
              <a:gd name="connsiteX50" fmla="*/ 5970996 w 6597829"/>
              <a:gd name="connsiteY50" fmla="*/ 1369167 h 3718082"/>
              <a:gd name="connsiteX51" fmla="*/ 5970996 w 6597829"/>
              <a:gd name="connsiteY51" fmla="*/ 2723243 h 3718082"/>
              <a:gd name="connsiteX52" fmla="*/ 5513872 w 6597829"/>
              <a:gd name="connsiteY52" fmla="*/ 2723243 h 3718082"/>
              <a:gd name="connsiteX53" fmla="*/ 5513872 w 6597829"/>
              <a:gd name="connsiteY53" fmla="*/ 1369167 h 3718082"/>
              <a:gd name="connsiteX54" fmla="*/ 5255823 w 6597829"/>
              <a:gd name="connsiteY54" fmla="*/ 1369167 h 3718082"/>
              <a:gd name="connsiteX55" fmla="*/ 5255823 w 6597829"/>
              <a:gd name="connsiteY55" fmla="*/ 995165 h 3718082"/>
              <a:gd name="connsiteX56" fmla="*/ 5513872 w 6597829"/>
              <a:gd name="connsiteY56" fmla="*/ 995165 h 3718082"/>
              <a:gd name="connsiteX57" fmla="*/ 5513872 w 6597829"/>
              <a:gd name="connsiteY57" fmla="*/ 689274 h 3718082"/>
              <a:gd name="connsiteX58" fmla="*/ 6196092 w 6597829"/>
              <a:gd name="connsiteY58" fmla="*/ 0 h 371808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6597829" h="3718082">
                <a:moveTo>
                  <a:pt x="4742089" y="1672366"/>
                </a:moveTo>
                <a:lnTo>
                  <a:pt x="4075695" y="2338800"/>
                </a:lnTo>
                <a:cubicBezTo>
                  <a:pt x="4138912" y="2363973"/>
                  <a:pt x="4206331" y="2376820"/>
                  <a:pt x="4274361" y="2376649"/>
                </a:cubicBezTo>
                <a:cubicBezTo>
                  <a:pt x="4537550" y="2376649"/>
                  <a:pt x="4773045" y="2182877"/>
                  <a:pt x="4773045" y="1860672"/>
                </a:cubicBezTo>
                <a:lnTo>
                  <a:pt x="4773004" y="1860795"/>
                </a:lnTo>
                <a:cubicBezTo>
                  <a:pt x="4773331" y="1796696"/>
                  <a:pt x="4762890" y="1733002"/>
                  <a:pt x="4742089" y="1672366"/>
                </a:cubicBezTo>
                <a:close/>
                <a:moveTo>
                  <a:pt x="4274524" y="1344655"/>
                </a:moveTo>
                <a:cubicBezTo>
                  <a:pt x="4004239" y="1344655"/>
                  <a:pt x="3768784" y="1538467"/>
                  <a:pt x="3768784" y="1860672"/>
                </a:cubicBezTo>
                <a:lnTo>
                  <a:pt x="3768743" y="1860795"/>
                </a:lnTo>
                <a:cubicBezTo>
                  <a:pt x="3768458" y="1923926"/>
                  <a:pt x="3778613" y="1986671"/>
                  <a:pt x="3798802" y="2046491"/>
                </a:cubicBezTo>
                <a:lnTo>
                  <a:pt x="4464789" y="1380587"/>
                </a:lnTo>
                <a:cubicBezTo>
                  <a:pt x="4404181" y="1356732"/>
                  <a:pt x="4339658" y="1344541"/>
                  <a:pt x="4274524" y="1344655"/>
                </a:cubicBezTo>
                <a:close/>
                <a:moveTo>
                  <a:pt x="2620346" y="995042"/>
                </a:moveTo>
                <a:lnTo>
                  <a:pt x="3077470" y="995042"/>
                </a:lnTo>
                <a:lnTo>
                  <a:pt x="3077470" y="3028808"/>
                </a:lnTo>
                <a:cubicBezTo>
                  <a:pt x="3077470" y="3441026"/>
                  <a:pt x="2803880" y="3718082"/>
                  <a:pt x="2395251" y="3718082"/>
                </a:cubicBezTo>
                <a:cubicBezTo>
                  <a:pt x="2284436" y="3718082"/>
                  <a:pt x="2184023" y="3697118"/>
                  <a:pt x="2087035" y="3652254"/>
                </a:cubicBezTo>
                <a:lnTo>
                  <a:pt x="2190956" y="3281841"/>
                </a:lnTo>
                <a:cubicBezTo>
                  <a:pt x="2253235" y="3302641"/>
                  <a:pt x="2315556" y="3313001"/>
                  <a:pt x="2364050" y="3313001"/>
                </a:cubicBezTo>
                <a:cubicBezTo>
                  <a:pt x="2516465" y="3313001"/>
                  <a:pt x="2620346" y="3198720"/>
                  <a:pt x="2620346" y="3029053"/>
                </a:cubicBezTo>
                <a:close/>
                <a:moveTo>
                  <a:pt x="4917793" y="927542"/>
                </a:moveTo>
                <a:lnTo>
                  <a:pt x="5202394" y="1212184"/>
                </a:lnTo>
                <a:lnTo>
                  <a:pt x="5065559" y="1349264"/>
                </a:lnTo>
                <a:cubicBezTo>
                  <a:pt x="5160589" y="1491483"/>
                  <a:pt x="5216465" y="1664984"/>
                  <a:pt x="5216465" y="1860754"/>
                </a:cubicBezTo>
                <a:cubicBezTo>
                  <a:pt x="5216465" y="2404464"/>
                  <a:pt x="4786831" y="2775000"/>
                  <a:pt x="4274320" y="2775000"/>
                </a:cubicBezTo>
                <a:cubicBezTo>
                  <a:pt x="4090051" y="2775000"/>
                  <a:pt x="3917243" y="2728178"/>
                  <a:pt x="3770823" y="2643712"/>
                </a:cubicBezTo>
                <a:lnTo>
                  <a:pt x="3623995" y="2790539"/>
                </a:lnTo>
                <a:lnTo>
                  <a:pt x="3339313" y="2505979"/>
                </a:lnTo>
                <a:lnTo>
                  <a:pt x="3475659" y="2369634"/>
                </a:lnTo>
                <a:cubicBezTo>
                  <a:pt x="3380873" y="2228312"/>
                  <a:pt x="3325446" y="2055790"/>
                  <a:pt x="3325446" y="1860836"/>
                </a:cubicBezTo>
                <a:cubicBezTo>
                  <a:pt x="3325446" y="1317206"/>
                  <a:pt x="3754835" y="943163"/>
                  <a:pt x="4274279" y="943163"/>
                </a:cubicBezTo>
                <a:cubicBezTo>
                  <a:pt x="4455326" y="943163"/>
                  <a:pt x="4625891" y="990026"/>
                  <a:pt x="4770965" y="1074370"/>
                </a:cubicBezTo>
                <a:close/>
                <a:moveTo>
                  <a:pt x="470950" y="517119"/>
                </a:moveTo>
                <a:lnTo>
                  <a:pt x="470950" y="2297117"/>
                </a:lnTo>
                <a:lnTo>
                  <a:pt x="1005566" y="2297117"/>
                </a:lnTo>
                <a:cubicBezTo>
                  <a:pt x="1542262" y="2297117"/>
                  <a:pt x="1902521" y="1940449"/>
                  <a:pt x="1902521" y="1407138"/>
                </a:cubicBezTo>
                <a:cubicBezTo>
                  <a:pt x="1902521" y="873828"/>
                  <a:pt x="1542344" y="517119"/>
                  <a:pt x="1005566" y="517119"/>
                </a:cubicBezTo>
                <a:close/>
                <a:moveTo>
                  <a:pt x="0" y="91196"/>
                </a:moveTo>
                <a:lnTo>
                  <a:pt x="974324" y="91196"/>
                </a:lnTo>
                <a:cubicBezTo>
                  <a:pt x="1815852" y="91196"/>
                  <a:pt x="2376856" y="617573"/>
                  <a:pt x="2376856" y="1407138"/>
                </a:cubicBezTo>
                <a:cubicBezTo>
                  <a:pt x="2376856" y="2196704"/>
                  <a:pt x="1815852" y="2723080"/>
                  <a:pt x="974324" y="2723080"/>
                </a:cubicBezTo>
                <a:lnTo>
                  <a:pt x="0" y="2723080"/>
                </a:lnTo>
                <a:close/>
                <a:moveTo>
                  <a:pt x="6196092" y="0"/>
                </a:moveTo>
                <a:cubicBezTo>
                  <a:pt x="6306906" y="0"/>
                  <a:pt x="6407320" y="20964"/>
                  <a:pt x="6504307" y="65828"/>
                </a:cubicBezTo>
                <a:lnTo>
                  <a:pt x="6400386" y="436364"/>
                </a:lnTo>
                <a:cubicBezTo>
                  <a:pt x="6338106" y="415563"/>
                  <a:pt x="6275787" y="405163"/>
                  <a:pt x="6227293" y="405163"/>
                </a:cubicBezTo>
                <a:cubicBezTo>
                  <a:pt x="6074877" y="405163"/>
                  <a:pt x="5970996" y="519485"/>
                  <a:pt x="5970996" y="689152"/>
                </a:cubicBezTo>
                <a:lnTo>
                  <a:pt x="5970996" y="995043"/>
                </a:lnTo>
                <a:lnTo>
                  <a:pt x="6597829" y="995165"/>
                </a:lnTo>
                <a:lnTo>
                  <a:pt x="6597829" y="1369167"/>
                </a:lnTo>
                <a:lnTo>
                  <a:pt x="5970996" y="1369167"/>
                </a:lnTo>
                <a:lnTo>
                  <a:pt x="5970996" y="2723243"/>
                </a:lnTo>
                <a:lnTo>
                  <a:pt x="5513872" y="2723243"/>
                </a:lnTo>
                <a:lnTo>
                  <a:pt x="5513872" y="1369167"/>
                </a:lnTo>
                <a:lnTo>
                  <a:pt x="5255823" y="1369167"/>
                </a:lnTo>
                <a:lnTo>
                  <a:pt x="5255823" y="995165"/>
                </a:lnTo>
                <a:lnTo>
                  <a:pt x="5513872" y="995165"/>
                </a:lnTo>
                <a:lnTo>
                  <a:pt x="5513872" y="689274"/>
                </a:lnTo>
                <a:cubicBezTo>
                  <a:pt x="5513872" y="277056"/>
                  <a:pt x="5787461" y="0"/>
                  <a:pt x="6196092" y="0"/>
                </a:cubicBezTo>
                <a:close/>
              </a:path>
            </a:pathLst>
          </a:custGeom>
          <a:solidFill>
            <a:srgbClr val="FFFFFF"/>
          </a:solidFill>
        </p:spPr>
        <p:txBody>
          <a:bodyPr wrap="square"/>
          <a:lstStyle>
            <a:lvl1pPr marL="0" indent="0">
              <a:buNone/>
              <a:defRPr sz="100">
                <a:noFill/>
              </a:defRPr>
            </a:lvl1pPr>
            <a:lvl2pPr>
              <a:defRPr sz="100"/>
            </a:lvl2pPr>
            <a:lvl3pPr>
              <a:defRPr sz="100"/>
            </a:lvl3pPr>
            <a:lvl4pPr>
              <a:defRPr sz="100"/>
            </a:lvl4pPr>
            <a:lvl5pPr>
              <a:defRPr sz="100"/>
            </a:lvl5pPr>
          </a:lstStyle>
          <a:p>
            <a:pPr lvl="0"/>
            <a:r>
              <a:rPr lang="da-DK" noProof="0"/>
              <a:t>Klik for at redigere teksttypografierne i masteren</a:t>
            </a:r>
          </a:p>
        </p:txBody>
      </p:sp>
      <p:sp>
        <p:nvSpPr>
          <p:cNvPr id="5" name="Date Placeholder 6">
            <a:extLst>
              <a:ext uri="{FF2B5EF4-FFF2-40B4-BE49-F238E27FC236}">
                <a16:creationId xmlns:a16="http://schemas.microsoft.com/office/drawing/2014/main" id="{6BDAA08F-1A35-089C-1BEB-5F6A06562B57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>
            <a:lvl1pPr>
              <a:defRPr smtClean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32DAF441-CB47-41C5-8821-B7EF110BC619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6" name="Footer Placeholder 8">
            <a:extLst>
              <a:ext uri="{FF2B5EF4-FFF2-40B4-BE49-F238E27FC236}">
                <a16:creationId xmlns:a16="http://schemas.microsoft.com/office/drawing/2014/main" id="{B030440A-F1C7-FAED-C59E-E1A99C798299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1916113" y="639763"/>
            <a:ext cx="1919287" cy="320675"/>
          </a:xfrm>
        </p:spPr>
        <p:txBody>
          <a:bodyPr/>
          <a:lstStyle>
            <a:lvl1pPr>
              <a:defRPr dirty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7" name="Slide Number Placeholder 9">
            <a:extLst>
              <a:ext uri="{FF2B5EF4-FFF2-40B4-BE49-F238E27FC236}">
                <a16:creationId xmlns:a16="http://schemas.microsoft.com/office/drawing/2014/main" id="{E1525C6F-B160-B5A8-5497-BC40B3B9557B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>
            <a:lvl1pPr>
              <a:defRPr smtClean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222A13AA-53F4-48B1-93DE-54BC96B9AD7D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832696292"/>
      </p:ext>
    </p:extLst>
  </p:cSld>
  <p:clrMapOvr>
    <a:masterClrMapping/>
  </p:clrMapOvr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med billed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ggrund">
            <a:extLst>
              <a:ext uri="{FF2B5EF4-FFF2-40B4-BE49-F238E27FC236}">
                <a16:creationId xmlns:a16="http://schemas.microsoft.com/office/drawing/2014/main" id="{D1287667-DB16-79B4-7724-79CAEE63E59F}"/>
              </a:ext>
            </a:extLst>
          </p:cNvPr>
          <p:cNvSpPr/>
          <p:nvPr userDrawn="1"/>
        </p:nvSpPr>
        <p:spPr bwMode="white">
          <a:xfrm>
            <a:off x="0" y="0"/>
            <a:ext cx="6858000" cy="12192000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20250" rIns="40500" bIns="2025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125" dirty="0"/>
          </a:p>
        </p:txBody>
      </p:sp>
      <p:sp>
        <p:nvSpPr>
          <p:cNvPr id="8" name="Picture Placeholder 7"/>
          <p:cNvSpPr>
            <a:spLocks noGrp="1"/>
          </p:cNvSpPr>
          <p:nvPr>
            <p:ph type="pic" sz="quarter" idx="13"/>
          </p:nvPr>
        </p:nvSpPr>
        <p:spPr>
          <a:xfrm>
            <a:off x="3864769" y="0"/>
            <a:ext cx="2993234" cy="12199164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lIns="360000" tIns="108000" rIns="2052000"/>
          <a:lstStyle>
            <a:lvl1pPr marL="0" indent="0" algn="l">
              <a:buNone/>
              <a:defRPr sz="788"/>
            </a:lvl1pPr>
          </a:lstStyle>
          <a:p>
            <a:pPr lvl="0"/>
            <a:r>
              <a:rPr lang="da-DK" noProof="0"/>
              <a:t>Klik på ikonet for at tilføje et billede</a:t>
            </a:r>
            <a:endParaRPr lang="da-DK" noProof="0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03609" y="3812821"/>
            <a:ext cx="3226297" cy="4441600"/>
          </a:xfrm>
        </p:spPr>
        <p:txBody>
          <a:bodyPr anchor="ctr"/>
          <a:lstStyle>
            <a:lvl1pPr algn="l">
              <a:defRPr sz="3038">
                <a:solidFill>
                  <a:schemeClr val="accent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4" name="Logo on top"/>
          <p:cNvSpPr>
            <a:spLocks noGrp="1"/>
          </p:cNvSpPr>
          <p:nvPr>
            <p:ph type="body" sz="quarter" idx="14"/>
          </p:nvPr>
        </p:nvSpPr>
        <p:spPr bwMode="white">
          <a:xfrm>
            <a:off x="6197577" y="640000"/>
            <a:ext cx="355921" cy="634052"/>
          </a:xfrm>
          <a:custGeom>
            <a:avLst/>
            <a:gdLst>
              <a:gd name="connsiteX0" fmla="*/ 4742089 w 6597829"/>
              <a:gd name="connsiteY0" fmla="*/ 1672366 h 3718082"/>
              <a:gd name="connsiteX1" fmla="*/ 4075695 w 6597829"/>
              <a:gd name="connsiteY1" fmla="*/ 2338800 h 3718082"/>
              <a:gd name="connsiteX2" fmla="*/ 4274361 w 6597829"/>
              <a:gd name="connsiteY2" fmla="*/ 2376649 h 3718082"/>
              <a:gd name="connsiteX3" fmla="*/ 4773045 w 6597829"/>
              <a:gd name="connsiteY3" fmla="*/ 1860672 h 3718082"/>
              <a:gd name="connsiteX4" fmla="*/ 4773004 w 6597829"/>
              <a:gd name="connsiteY4" fmla="*/ 1860795 h 3718082"/>
              <a:gd name="connsiteX5" fmla="*/ 4742089 w 6597829"/>
              <a:gd name="connsiteY5" fmla="*/ 1672366 h 3718082"/>
              <a:gd name="connsiteX6" fmla="*/ 4274524 w 6597829"/>
              <a:gd name="connsiteY6" fmla="*/ 1344655 h 3718082"/>
              <a:gd name="connsiteX7" fmla="*/ 3768784 w 6597829"/>
              <a:gd name="connsiteY7" fmla="*/ 1860672 h 3718082"/>
              <a:gd name="connsiteX8" fmla="*/ 3768743 w 6597829"/>
              <a:gd name="connsiteY8" fmla="*/ 1860795 h 3718082"/>
              <a:gd name="connsiteX9" fmla="*/ 3798802 w 6597829"/>
              <a:gd name="connsiteY9" fmla="*/ 2046491 h 3718082"/>
              <a:gd name="connsiteX10" fmla="*/ 4464789 w 6597829"/>
              <a:gd name="connsiteY10" fmla="*/ 1380587 h 3718082"/>
              <a:gd name="connsiteX11" fmla="*/ 4274524 w 6597829"/>
              <a:gd name="connsiteY11" fmla="*/ 1344655 h 3718082"/>
              <a:gd name="connsiteX12" fmla="*/ 2620346 w 6597829"/>
              <a:gd name="connsiteY12" fmla="*/ 995042 h 3718082"/>
              <a:gd name="connsiteX13" fmla="*/ 3077470 w 6597829"/>
              <a:gd name="connsiteY13" fmla="*/ 995042 h 3718082"/>
              <a:gd name="connsiteX14" fmla="*/ 3077470 w 6597829"/>
              <a:gd name="connsiteY14" fmla="*/ 3028808 h 3718082"/>
              <a:gd name="connsiteX15" fmla="*/ 2395251 w 6597829"/>
              <a:gd name="connsiteY15" fmla="*/ 3718082 h 3718082"/>
              <a:gd name="connsiteX16" fmla="*/ 2087035 w 6597829"/>
              <a:gd name="connsiteY16" fmla="*/ 3652254 h 3718082"/>
              <a:gd name="connsiteX17" fmla="*/ 2190956 w 6597829"/>
              <a:gd name="connsiteY17" fmla="*/ 3281841 h 3718082"/>
              <a:gd name="connsiteX18" fmla="*/ 2364050 w 6597829"/>
              <a:gd name="connsiteY18" fmla="*/ 3313001 h 3718082"/>
              <a:gd name="connsiteX19" fmla="*/ 2620346 w 6597829"/>
              <a:gd name="connsiteY19" fmla="*/ 3029053 h 3718082"/>
              <a:gd name="connsiteX20" fmla="*/ 4917793 w 6597829"/>
              <a:gd name="connsiteY20" fmla="*/ 927542 h 3718082"/>
              <a:gd name="connsiteX21" fmla="*/ 5202394 w 6597829"/>
              <a:gd name="connsiteY21" fmla="*/ 1212184 h 3718082"/>
              <a:gd name="connsiteX22" fmla="*/ 5065559 w 6597829"/>
              <a:gd name="connsiteY22" fmla="*/ 1349264 h 3718082"/>
              <a:gd name="connsiteX23" fmla="*/ 5216465 w 6597829"/>
              <a:gd name="connsiteY23" fmla="*/ 1860754 h 3718082"/>
              <a:gd name="connsiteX24" fmla="*/ 4274320 w 6597829"/>
              <a:gd name="connsiteY24" fmla="*/ 2775000 h 3718082"/>
              <a:gd name="connsiteX25" fmla="*/ 3770823 w 6597829"/>
              <a:gd name="connsiteY25" fmla="*/ 2643712 h 3718082"/>
              <a:gd name="connsiteX26" fmla="*/ 3623995 w 6597829"/>
              <a:gd name="connsiteY26" fmla="*/ 2790539 h 3718082"/>
              <a:gd name="connsiteX27" fmla="*/ 3339313 w 6597829"/>
              <a:gd name="connsiteY27" fmla="*/ 2505979 h 3718082"/>
              <a:gd name="connsiteX28" fmla="*/ 3475659 w 6597829"/>
              <a:gd name="connsiteY28" fmla="*/ 2369634 h 3718082"/>
              <a:gd name="connsiteX29" fmla="*/ 3325446 w 6597829"/>
              <a:gd name="connsiteY29" fmla="*/ 1860836 h 3718082"/>
              <a:gd name="connsiteX30" fmla="*/ 4274279 w 6597829"/>
              <a:gd name="connsiteY30" fmla="*/ 943163 h 3718082"/>
              <a:gd name="connsiteX31" fmla="*/ 4770965 w 6597829"/>
              <a:gd name="connsiteY31" fmla="*/ 1074370 h 3718082"/>
              <a:gd name="connsiteX32" fmla="*/ 470950 w 6597829"/>
              <a:gd name="connsiteY32" fmla="*/ 517119 h 3718082"/>
              <a:gd name="connsiteX33" fmla="*/ 470950 w 6597829"/>
              <a:gd name="connsiteY33" fmla="*/ 2297117 h 3718082"/>
              <a:gd name="connsiteX34" fmla="*/ 1005566 w 6597829"/>
              <a:gd name="connsiteY34" fmla="*/ 2297117 h 3718082"/>
              <a:gd name="connsiteX35" fmla="*/ 1902521 w 6597829"/>
              <a:gd name="connsiteY35" fmla="*/ 1407138 h 3718082"/>
              <a:gd name="connsiteX36" fmla="*/ 1005566 w 6597829"/>
              <a:gd name="connsiteY36" fmla="*/ 517119 h 3718082"/>
              <a:gd name="connsiteX37" fmla="*/ 0 w 6597829"/>
              <a:gd name="connsiteY37" fmla="*/ 91196 h 3718082"/>
              <a:gd name="connsiteX38" fmla="*/ 974324 w 6597829"/>
              <a:gd name="connsiteY38" fmla="*/ 91196 h 3718082"/>
              <a:gd name="connsiteX39" fmla="*/ 2376856 w 6597829"/>
              <a:gd name="connsiteY39" fmla="*/ 1407138 h 3718082"/>
              <a:gd name="connsiteX40" fmla="*/ 974324 w 6597829"/>
              <a:gd name="connsiteY40" fmla="*/ 2723080 h 3718082"/>
              <a:gd name="connsiteX41" fmla="*/ 0 w 6597829"/>
              <a:gd name="connsiteY41" fmla="*/ 2723080 h 3718082"/>
              <a:gd name="connsiteX42" fmla="*/ 6196092 w 6597829"/>
              <a:gd name="connsiteY42" fmla="*/ 0 h 3718082"/>
              <a:gd name="connsiteX43" fmla="*/ 6504307 w 6597829"/>
              <a:gd name="connsiteY43" fmla="*/ 65828 h 3718082"/>
              <a:gd name="connsiteX44" fmla="*/ 6400386 w 6597829"/>
              <a:gd name="connsiteY44" fmla="*/ 436364 h 3718082"/>
              <a:gd name="connsiteX45" fmla="*/ 6227293 w 6597829"/>
              <a:gd name="connsiteY45" fmla="*/ 405163 h 3718082"/>
              <a:gd name="connsiteX46" fmla="*/ 5970996 w 6597829"/>
              <a:gd name="connsiteY46" fmla="*/ 689152 h 3718082"/>
              <a:gd name="connsiteX47" fmla="*/ 5970996 w 6597829"/>
              <a:gd name="connsiteY47" fmla="*/ 995043 h 3718082"/>
              <a:gd name="connsiteX48" fmla="*/ 6597829 w 6597829"/>
              <a:gd name="connsiteY48" fmla="*/ 995165 h 3718082"/>
              <a:gd name="connsiteX49" fmla="*/ 6597829 w 6597829"/>
              <a:gd name="connsiteY49" fmla="*/ 1369167 h 3718082"/>
              <a:gd name="connsiteX50" fmla="*/ 5970996 w 6597829"/>
              <a:gd name="connsiteY50" fmla="*/ 1369167 h 3718082"/>
              <a:gd name="connsiteX51" fmla="*/ 5970996 w 6597829"/>
              <a:gd name="connsiteY51" fmla="*/ 2723243 h 3718082"/>
              <a:gd name="connsiteX52" fmla="*/ 5513872 w 6597829"/>
              <a:gd name="connsiteY52" fmla="*/ 2723243 h 3718082"/>
              <a:gd name="connsiteX53" fmla="*/ 5513872 w 6597829"/>
              <a:gd name="connsiteY53" fmla="*/ 1369167 h 3718082"/>
              <a:gd name="connsiteX54" fmla="*/ 5255823 w 6597829"/>
              <a:gd name="connsiteY54" fmla="*/ 1369167 h 3718082"/>
              <a:gd name="connsiteX55" fmla="*/ 5255823 w 6597829"/>
              <a:gd name="connsiteY55" fmla="*/ 995165 h 3718082"/>
              <a:gd name="connsiteX56" fmla="*/ 5513872 w 6597829"/>
              <a:gd name="connsiteY56" fmla="*/ 995165 h 3718082"/>
              <a:gd name="connsiteX57" fmla="*/ 5513872 w 6597829"/>
              <a:gd name="connsiteY57" fmla="*/ 689274 h 3718082"/>
              <a:gd name="connsiteX58" fmla="*/ 6196092 w 6597829"/>
              <a:gd name="connsiteY58" fmla="*/ 0 h 371808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6597829" h="3718082">
                <a:moveTo>
                  <a:pt x="4742089" y="1672366"/>
                </a:moveTo>
                <a:lnTo>
                  <a:pt x="4075695" y="2338800"/>
                </a:lnTo>
                <a:cubicBezTo>
                  <a:pt x="4138912" y="2363973"/>
                  <a:pt x="4206331" y="2376820"/>
                  <a:pt x="4274361" y="2376649"/>
                </a:cubicBezTo>
                <a:cubicBezTo>
                  <a:pt x="4537550" y="2376649"/>
                  <a:pt x="4773045" y="2182877"/>
                  <a:pt x="4773045" y="1860672"/>
                </a:cubicBezTo>
                <a:lnTo>
                  <a:pt x="4773004" y="1860795"/>
                </a:lnTo>
                <a:cubicBezTo>
                  <a:pt x="4773331" y="1796696"/>
                  <a:pt x="4762890" y="1733002"/>
                  <a:pt x="4742089" y="1672366"/>
                </a:cubicBezTo>
                <a:close/>
                <a:moveTo>
                  <a:pt x="4274524" y="1344655"/>
                </a:moveTo>
                <a:cubicBezTo>
                  <a:pt x="4004239" y="1344655"/>
                  <a:pt x="3768784" y="1538467"/>
                  <a:pt x="3768784" y="1860672"/>
                </a:cubicBezTo>
                <a:lnTo>
                  <a:pt x="3768743" y="1860795"/>
                </a:lnTo>
                <a:cubicBezTo>
                  <a:pt x="3768458" y="1923926"/>
                  <a:pt x="3778613" y="1986671"/>
                  <a:pt x="3798802" y="2046491"/>
                </a:cubicBezTo>
                <a:lnTo>
                  <a:pt x="4464789" y="1380587"/>
                </a:lnTo>
                <a:cubicBezTo>
                  <a:pt x="4404181" y="1356732"/>
                  <a:pt x="4339658" y="1344541"/>
                  <a:pt x="4274524" y="1344655"/>
                </a:cubicBezTo>
                <a:close/>
                <a:moveTo>
                  <a:pt x="2620346" y="995042"/>
                </a:moveTo>
                <a:lnTo>
                  <a:pt x="3077470" y="995042"/>
                </a:lnTo>
                <a:lnTo>
                  <a:pt x="3077470" y="3028808"/>
                </a:lnTo>
                <a:cubicBezTo>
                  <a:pt x="3077470" y="3441026"/>
                  <a:pt x="2803880" y="3718082"/>
                  <a:pt x="2395251" y="3718082"/>
                </a:cubicBezTo>
                <a:cubicBezTo>
                  <a:pt x="2284436" y="3718082"/>
                  <a:pt x="2184023" y="3697118"/>
                  <a:pt x="2087035" y="3652254"/>
                </a:cubicBezTo>
                <a:lnTo>
                  <a:pt x="2190956" y="3281841"/>
                </a:lnTo>
                <a:cubicBezTo>
                  <a:pt x="2253235" y="3302641"/>
                  <a:pt x="2315556" y="3313001"/>
                  <a:pt x="2364050" y="3313001"/>
                </a:cubicBezTo>
                <a:cubicBezTo>
                  <a:pt x="2516465" y="3313001"/>
                  <a:pt x="2620346" y="3198720"/>
                  <a:pt x="2620346" y="3029053"/>
                </a:cubicBezTo>
                <a:close/>
                <a:moveTo>
                  <a:pt x="4917793" y="927542"/>
                </a:moveTo>
                <a:lnTo>
                  <a:pt x="5202394" y="1212184"/>
                </a:lnTo>
                <a:lnTo>
                  <a:pt x="5065559" y="1349264"/>
                </a:lnTo>
                <a:cubicBezTo>
                  <a:pt x="5160589" y="1491483"/>
                  <a:pt x="5216465" y="1664984"/>
                  <a:pt x="5216465" y="1860754"/>
                </a:cubicBezTo>
                <a:cubicBezTo>
                  <a:pt x="5216465" y="2404464"/>
                  <a:pt x="4786831" y="2775000"/>
                  <a:pt x="4274320" y="2775000"/>
                </a:cubicBezTo>
                <a:cubicBezTo>
                  <a:pt x="4090051" y="2775000"/>
                  <a:pt x="3917243" y="2728178"/>
                  <a:pt x="3770823" y="2643712"/>
                </a:cubicBezTo>
                <a:lnTo>
                  <a:pt x="3623995" y="2790539"/>
                </a:lnTo>
                <a:lnTo>
                  <a:pt x="3339313" y="2505979"/>
                </a:lnTo>
                <a:lnTo>
                  <a:pt x="3475659" y="2369634"/>
                </a:lnTo>
                <a:cubicBezTo>
                  <a:pt x="3380873" y="2228312"/>
                  <a:pt x="3325446" y="2055790"/>
                  <a:pt x="3325446" y="1860836"/>
                </a:cubicBezTo>
                <a:cubicBezTo>
                  <a:pt x="3325446" y="1317206"/>
                  <a:pt x="3754835" y="943163"/>
                  <a:pt x="4274279" y="943163"/>
                </a:cubicBezTo>
                <a:cubicBezTo>
                  <a:pt x="4455326" y="943163"/>
                  <a:pt x="4625891" y="990026"/>
                  <a:pt x="4770965" y="1074370"/>
                </a:cubicBezTo>
                <a:close/>
                <a:moveTo>
                  <a:pt x="470950" y="517119"/>
                </a:moveTo>
                <a:lnTo>
                  <a:pt x="470950" y="2297117"/>
                </a:lnTo>
                <a:lnTo>
                  <a:pt x="1005566" y="2297117"/>
                </a:lnTo>
                <a:cubicBezTo>
                  <a:pt x="1542262" y="2297117"/>
                  <a:pt x="1902521" y="1940449"/>
                  <a:pt x="1902521" y="1407138"/>
                </a:cubicBezTo>
                <a:cubicBezTo>
                  <a:pt x="1902521" y="873828"/>
                  <a:pt x="1542344" y="517119"/>
                  <a:pt x="1005566" y="517119"/>
                </a:cubicBezTo>
                <a:close/>
                <a:moveTo>
                  <a:pt x="0" y="91196"/>
                </a:moveTo>
                <a:lnTo>
                  <a:pt x="974324" y="91196"/>
                </a:lnTo>
                <a:cubicBezTo>
                  <a:pt x="1815852" y="91196"/>
                  <a:pt x="2376856" y="617573"/>
                  <a:pt x="2376856" y="1407138"/>
                </a:cubicBezTo>
                <a:cubicBezTo>
                  <a:pt x="2376856" y="2196704"/>
                  <a:pt x="1815852" y="2723080"/>
                  <a:pt x="974324" y="2723080"/>
                </a:cubicBezTo>
                <a:lnTo>
                  <a:pt x="0" y="2723080"/>
                </a:lnTo>
                <a:close/>
                <a:moveTo>
                  <a:pt x="6196092" y="0"/>
                </a:moveTo>
                <a:cubicBezTo>
                  <a:pt x="6306906" y="0"/>
                  <a:pt x="6407320" y="20964"/>
                  <a:pt x="6504307" y="65828"/>
                </a:cubicBezTo>
                <a:lnTo>
                  <a:pt x="6400386" y="436364"/>
                </a:lnTo>
                <a:cubicBezTo>
                  <a:pt x="6338106" y="415563"/>
                  <a:pt x="6275787" y="405163"/>
                  <a:pt x="6227293" y="405163"/>
                </a:cubicBezTo>
                <a:cubicBezTo>
                  <a:pt x="6074877" y="405163"/>
                  <a:pt x="5970996" y="519485"/>
                  <a:pt x="5970996" y="689152"/>
                </a:cubicBezTo>
                <a:lnTo>
                  <a:pt x="5970996" y="995043"/>
                </a:lnTo>
                <a:lnTo>
                  <a:pt x="6597829" y="995165"/>
                </a:lnTo>
                <a:lnTo>
                  <a:pt x="6597829" y="1369167"/>
                </a:lnTo>
                <a:lnTo>
                  <a:pt x="5970996" y="1369167"/>
                </a:lnTo>
                <a:lnTo>
                  <a:pt x="5970996" y="2723243"/>
                </a:lnTo>
                <a:lnTo>
                  <a:pt x="5513872" y="2723243"/>
                </a:lnTo>
                <a:lnTo>
                  <a:pt x="5513872" y="1369167"/>
                </a:lnTo>
                <a:lnTo>
                  <a:pt x="5255823" y="1369167"/>
                </a:lnTo>
                <a:lnTo>
                  <a:pt x="5255823" y="995165"/>
                </a:lnTo>
                <a:lnTo>
                  <a:pt x="5513872" y="995165"/>
                </a:lnTo>
                <a:lnTo>
                  <a:pt x="5513872" y="689274"/>
                </a:lnTo>
                <a:cubicBezTo>
                  <a:pt x="5513872" y="277056"/>
                  <a:pt x="5787461" y="0"/>
                  <a:pt x="6196092" y="0"/>
                </a:cubicBezTo>
                <a:close/>
              </a:path>
            </a:pathLst>
          </a:custGeom>
          <a:solidFill>
            <a:srgbClr val="FFFFFF"/>
          </a:solidFill>
        </p:spPr>
        <p:txBody>
          <a:bodyPr wrap="square"/>
          <a:lstStyle>
            <a:lvl1pPr marL="0" indent="0">
              <a:buNone/>
              <a:defRPr sz="100">
                <a:noFill/>
              </a:defRPr>
            </a:lvl1pPr>
            <a:lvl2pPr>
              <a:defRPr sz="100"/>
            </a:lvl2pPr>
            <a:lvl3pPr>
              <a:defRPr sz="100"/>
            </a:lvl3pPr>
            <a:lvl4pPr>
              <a:defRPr sz="100"/>
            </a:lvl4pPr>
            <a:lvl5pPr>
              <a:defRPr sz="100"/>
            </a:lvl5pPr>
          </a:lstStyle>
          <a:p>
            <a:pPr lvl="0"/>
            <a:r>
              <a:rPr lang="da-DK" noProof="0"/>
              <a:t>Klik for at redigere teksttypografierne i masteren</a:t>
            </a:r>
          </a:p>
        </p:txBody>
      </p:sp>
      <p:sp>
        <p:nvSpPr>
          <p:cNvPr id="5" name="Date Placeholder 6">
            <a:extLst>
              <a:ext uri="{FF2B5EF4-FFF2-40B4-BE49-F238E27FC236}">
                <a16:creationId xmlns:a16="http://schemas.microsoft.com/office/drawing/2014/main" id="{AD68D40D-C3CB-0225-6325-57558EC88E41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>
            <a:lvl1pPr>
              <a:defRPr smtClean="0">
                <a:solidFill>
                  <a:schemeClr val="accent1"/>
                </a:solidFill>
              </a:defRPr>
            </a:lvl1pPr>
          </a:lstStyle>
          <a:p>
            <a:pPr>
              <a:defRPr/>
            </a:pPr>
            <a:fld id="{BFD48A9C-87DC-42C0-9A75-BD84291E4988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6" name="Footer Placeholder 8">
            <a:extLst>
              <a:ext uri="{FF2B5EF4-FFF2-40B4-BE49-F238E27FC236}">
                <a16:creationId xmlns:a16="http://schemas.microsoft.com/office/drawing/2014/main" id="{D11790EF-8E6E-3D6A-3169-2073B29A40AE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>
            <a:lvl1pPr>
              <a:defRPr dirty="0">
                <a:solidFill>
                  <a:schemeClr val="accent1"/>
                </a:solidFill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7" name="Slide Number Placeholder 9">
            <a:extLst>
              <a:ext uri="{FF2B5EF4-FFF2-40B4-BE49-F238E27FC236}">
                <a16:creationId xmlns:a16="http://schemas.microsoft.com/office/drawing/2014/main" id="{7D8E76B9-43F8-AA50-7FC5-82ACEFA01D87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>
            <a:lvl1pPr>
              <a:defRPr smtClean="0">
                <a:solidFill>
                  <a:schemeClr val="accent1"/>
                </a:solidFill>
              </a:defRPr>
            </a:lvl1pPr>
          </a:lstStyle>
          <a:p>
            <a:pPr>
              <a:defRPr/>
            </a:pPr>
            <a:fld id="{D3989B57-A326-4B17-BE49-9D3617FF79F7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72270474"/>
      </p:ext>
    </p:extLst>
  </p:cSld>
  <p:clrMapOvr>
    <a:masterClrMapping/>
  </p:clrMapOvr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 og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03610" y="1600001"/>
            <a:ext cx="6250781" cy="2212823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da-DK" noProof="0"/>
              <a:t>Klik for at redigere teksttypografierne i masteren</a:t>
            </a:r>
          </a:p>
          <a:p>
            <a:pPr lvl="1"/>
            <a:r>
              <a:rPr lang="da-DK" noProof="0"/>
              <a:t>Andet niveau</a:t>
            </a:r>
          </a:p>
          <a:p>
            <a:pPr lvl="2"/>
            <a:r>
              <a:rPr lang="da-DK" noProof="0"/>
              <a:t>Tredje niveau</a:t>
            </a:r>
          </a:p>
          <a:p>
            <a:pPr lvl="3"/>
            <a:r>
              <a:rPr lang="da-DK" noProof="0"/>
              <a:t>Fjerde niveau</a:t>
            </a:r>
          </a:p>
          <a:p>
            <a:pPr lvl="4"/>
            <a:r>
              <a:rPr lang="da-DK" noProof="0"/>
              <a:t>Femte niveau</a:t>
            </a:r>
            <a:endParaRPr lang="da-DK" noProof="0" dirty="0"/>
          </a:p>
        </p:txBody>
      </p:sp>
      <p:sp>
        <p:nvSpPr>
          <p:cNvPr id="8" name="Text Placeholder notes"/>
          <p:cNvSpPr>
            <a:spLocks noGrp="1"/>
          </p:cNvSpPr>
          <p:nvPr>
            <p:ph type="body" sz="quarter" idx="17"/>
          </p:nvPr>
        </p:nvSpPr>
        <p:spPr>
          <a:xfrm>
            <a:off x="303164" y="11230712"/>
            <a:ext cx="6251175" cy="321289"/>
          </a:xfrm>
        </p:spPr>
        <p:txBody>
          <a:bodyPr anchor="b" anchorCtr="0"/>
          <a:lstStyle>
            <a:lvl1pPr marL="0" indent="0">
              <a:spcAft>
                <a:spcPts val="169"/>
              </a:spcAft>
              <a:buFont typeface="Arial" panose="020B0604020202020204" pitchFamily="34" charset="0"/>
              <a:buNone/>
              <a:defRPr sz="450" i="1"/>
            </a:lvl1pPr>
            <a:lvl2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2pPr>
            <a:lvl3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3pPr>
            <a:lvl4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4pPr>
            <a:lvl5pPr marL="0" indent="0">
              <a:buFont typeface="Arial" panose="020B0604020202020204" pitchFamily="34" charset="0"/>
              <a:buNone/>
              <a:defRPr/>
            </a:lvl5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4" name="Date Placeholder 6">
            <a:extLst>
              <a:ext uri="{FF2B5EF4-FFF2-40B4-BE49-F238E27FC236}">
                <a16:creationId xmlns:a16="http://schemas.microsoft.com/office/drawing/2014/main" id="{151BF092-E6A0-3A7C-4EEC-427A4EAC767F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0DC65E62-3F76-4B02-96F8-80B866BDFE87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5" name="Footer Placeholder 8">
            <a:extLst>
              <a:ext uri="{FF2B5EF4-FFF2-40B4-BE49-F238E27FC236}">
                <a16:creationId xmlns:a16="http://schemas.microsoft.com/office/drawing/2014/main" id="{3D6642E2-2508-18B1-2115-BC9BB1E0D69B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6" name="Slide Number Placeholder 9">
            <a:extLst>
              <a:ext uri="{FF2B5EF4-FFF2-40B4-BE49-F238E27FC236}">
                <a16:creationId xmlns:a16="http://schemas.microsoft.com/office/drawing/2014/main" id="{DC648CCB-8FED-42B2-C67A-BCC9266F38BE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CAC7FE6D-C848-434E-A543-5487A2C7662B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828696320"/>
      </p:ext>
    </p:extLst>
  </p:cSld>
  <p:clrMapOvr>
    <a:masterClrMapping/>
  </p:clrMapOvr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 og 2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03610" y="3814401"/>
            <a:ext cx="3023592" cy="7412777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da-DK" noProof="0"/>
              <a:t>Klik for at redigere teksttypografierne i masteren</a:t>
            </a:r>
          </a:p>
          <a:p>
            <a:pPr lvl="1"/>
            <a:r>
              <a:rPr lang="da-DK" noProof="0"/>
              <a:t>Andet niveau</a:t>
            </a:r>
          </a:p>
          <a:p>
            <a:pPr lvl="2"/>
            <a:r>
              <a:rPr lang="da-DK" noProof="0"/>
              <a:t>Tredje niveau</a:t>
            </a:r>
          </a:p>
          <a:p>
            <a:pPr lvl="3"/>
            <a:r>
              <a:rPr lang="da-DK" noProof="0"/>
              <a:t>Fjerde niveau</a:t>
            </a:r>
          </a:p>
          <a:p>
            <a:pPr lvl="4"/>
            <a:r>
              <a:rPr lang="da-DK" noProof="0"/>
              <a:t>Femte niveau</a:t>
            </a:r>
            <a:endParaRPr lang="da-DK" noProof="0" dirty="0"/>
          </a:p>
        </p:txBody>
      </p:sp>
      <p:sp>
        <p:nvSpPr>
          <p:cNvPr id="7" name="Content Placeholder 3"/>
          <p:cNvSpPr>
            <a:spLocks noGrp="1"/>
          </p:cNvSpPr>
          <p:nvPr>
            <p:ph sz="half" idx="2"/>
          </p:nvPr>
        </p:nvSpPr>
        <p:spPr>
          <a:xfrm>
            <a:off x="3529012" y="3814401"/>
            <a:ext cx="3023592" cy="7419177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da-DK" noProof="0"/>
              <a:t>Klik for at redigere teksttypografierne i masteren</a:t>
            </a:r>
          </a:p>
          <a:p>
            <a:pPr lvl="1"/>
            <a:r>
              <a:rPr lang="da-DK" noProof="0"/>
              <a:t>Andet niveau</a:t>
            </a:r>
          </a:p>
          <a:p>
            <a:pPr lvl="2"/>
            <a:r>
              <a:rPr lang="da-DK" noProof="0"/>
              <a:t>Tredje niveau</a:t>
            </a:r>
          </a:p>
          <a:p>
            <a:pPr lvl="3"/>
            <a:r>
              <a:rPr lang="da-DK" noProof="0"/>
              <a:t>Fjerde niveau</a:t>
            </a:r>
          </a:p>
          <a:p>
            <a:pPr lvl="4"/>
            <a:r>
              <a:rPr lang="da-DK" noProof="0"/>
              <a:t>Femte niveau</a:t>
            </a:r>
            <a:endParaRPr lang="da-DK" dirty="0"/>
          </a:p>
        </p:txBody>
      </p:sp>
      <p:sp>
        <p:nvSpPr>
          <p:cNvPr id="11" name="Text Placeholder notes"/>
          <p:cNvSpPr>
            <a:spLocks noGrp="1"/>
          </p:cNvSpPr>
          <p:nvPr>
            <p:ph type="body" sz="quarter" idx="17"/>
          </p:nvPr>
        </p:nvSpPr>
        <p:spPr>
          <a:xfrm>
            <a:off x="303164" y="11230712"/>
            <a:ext cx="6251175" cy="321289"/>
          </a:xfrm>
        </p:spPr>
        <p:txBody>
          <a:bodyPr anchor="b" anchorCtr="0"/>
          <a:lstStyle>
            <a:lvl1pPr marL="0" indent="0">
              <a:spcAft>
                <a:spcPts val="169"/>
              </a:spcAft>
              <a:buFont typeface="Arial" panose="020B0604020202020204" pitchFamily="34" charset="0"/>
              <a:buNone/>
              <a:defRPr sz="450" i="1"/>
            </a:lvl1pPr>
            <a:lvl2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2pPr>
            <a:lvl3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3pPr>
            <a:lvl4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4pPr>
            <a:lvl5pPr marL="0" indent="0">
              <a:buFont typeface="Arial" panose="020B0604020202020204" pitchFamily="34" charset="0"/>
              <a:buNone/>
              <a:defRPr/>
            </a:lvl5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4" name="Date Placeholder 7">
            <a:extLst>
              <a:ext uri="{FF2B5EF4-FFF2-40B4-BE49-F238E27FC236}">
                <a16:creationId xmlns:a16="http://schemas.microsoft.com/office/drawing/2014/main" id="{4E9ACE6A-32BA-0C95-EC95-2F057D083537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981E8A99-179B-448D-B68E-3873D9E08A23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5" name="Footer Placeholder 8">
            <a:extLst>
              <a:ext uri="{FF2B5EF4-FFF2-40B4-BE49-F238E27FC236}">
                <a16:creationId xmlns:a16="http://schemas.microsoft.com/office/drawing/2014/main" id="{7A849F23-DB5D-A435-57B1-B4E96EFAD3BF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6" name="Slide Number Placeholder 9">
            <a:extLst>
              <a:ext uri="{FF2B5EF4-FFF2-40B4-BE49-F238E27FC236}">
                <a16:creationId xmlns:a16="http://schemas.microsoft.com/office/drawing/2014/main" id="{6F663E3D-93F6-A1E4-3880-E94FD33B35B7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5D5253D7-6074-4F01-B8CC-FCF6DD1B7467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929015467"/>
      </p:ext>
    </p:extLst>
  </p:cSld>
  <p:clrMapOvr>
    <a:masterClrMapping/>
  </p:clrMapOvr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 og 2 indhold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03610" y="3814401"/>
            <a:ext cx="4637186" cy="7412777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da-DK" noProof="0"/>
              <a:t>Klik for at redigere teksttypografierne i masteren</a:t>
            </a:r>
          </a:p>
          <a:p>
            <a:pPr lvl="1"/>
            <a:r>
              <a:rPr lang="da-DK" noProof="0"/>
              <a:t>Andet niveau</a:t>
            </a:r>
          </a:p>
          <a:p>
            <a:pPr lvl="2"/>
            <a:r>
              <a:rPr lang="da-DK" noProof="0"/>
              <a:t>Tredje niveau</a:t>
            </a:r>
          </a:p>
          <a:p>
            <a:pPr lvl="3"/>
            <a:r>
              <a:rPr lang="da-DK" noProof="0"/>
              <a:t>Fjerde niveau</a:t>
            </a:r>
          </a:p>
          <a:p>
            <a:pPr lvl="4"/>
            <a:r>
              <a:rPr lang="da-DK" noProof="0"/>
              <a:t>Femte niveau</a:t>
            </a:r>
            <a:endParaRPr lang="da-DK" noProof="0" dirty="0"/>
          </a:p>
        </p:txBody>
      </p:sp>
      <p:sp>
        <p:nvSpPr>
          <p:cNvPr id="7" name="Content Placeholder 3"/>
          <p:cNvSpPr>
            <a:spLocks noGrp="1"/>
          </p:cNvSpPr>
          <p:nvPr>
            <p:ph sz="half" idx="2"/>
          </p:nvPr>
        </p:nvSpPr>
        <p:spPr>
          <a:xfrm>
            <a:off x="5143500" y="3814401"/>
            <a:ext cx="1409104" cy="7419177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da-DK" noProof="0"/>
              <a:t>Klik for at redigere teksttypografierne i masteren</a:t>
            </a:r>
          </a:p>
          <a:p>
            <a:pPr lvl="1"/>
            <a:r>
              <a:rPr lang="da-DK" noProof="0"/>
              <a:t>Andet niveau</a:t>
            </a:r>
          </a:p>
          <a:p>
            <a:pPr lvl="2"/>
            <a:r>
              <a:rPr lang="da-DK" noProof="0"/>
              <a:t>Tredje niveau</a:t>
            </a:r>
          </a:p>
          <a:p>
            <a:pPr lvl="3"/>
            <a:r>
              <a:rPr lang="da-DK" noProof="0"/>
              <a:t>Fjerde niveau</a:t>
            </a:r>
          </a:p>
          <a:p>
            <a:pPr lvl="4"/>
            <a:r>
              <a:rPr lang="da-DK" noProof="0"/>
              <a:t>Femte niveau</a:t>
            </a:r>
            <a:endParaRPr lang="da-DK" dirty="0"/>
          </a:p>
        </p:txBody>
      </p:sp>
      <p:sp>
        <p:nvSpPr>
          <p:cNvPr id="11" name="Text Placeholder notes"/>
          <p:cNvSpPr>
            <a:spLocks noGrp="1"/>
          </p:cNvSpPr>
          <p:nvPr>
            <p:ph type="body" sz="quarter" idx="17"/>
          </p:nvPr>
        </p:nvSpPr>
        <p:spPr>
          <a:xfrm>
            <a:off x="303164" y="11230712"/>
            <a:ext cx="6251175" cy="321289"/>
          </a:xfrm>
        </p:spPr>
        <p:txBody>
          <a:bodyPr anchor="b" anchorCtr="0"/>
          <a:lstStyle>
            <a:lvl1pPr marL="0" indent="0">
              <a:spcAft>
                <a:spcPts val="169"/>
              </a:spcAft>
              <a:buFont typeface="Arial" panose="020B0604020202020204" pitchFamily="34" charset="0"/>
              <a:buNone/>
              <a:defRPr sz="450" i="1"/>
            </a:lvl1pPr>
            <a:lvl2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2pPr>
            <a:lvl3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3pPr>
            <a:lvl4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4pPr>
            <a:lvl5pPr marL="0" indent="0">
              <a:buFont typeface="Arial" panose="020B0604020202020204" pitchFamily="34" charset="0"/>
              <a:buNone/>
              <a:defRPr/>
            </a:lvl5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4" name="Date Placeholder 7">
            <a:extLst>
              <a:ext uri="{FF2B5EF4-FFF2-40B4-BE49-F238E27FC236}">
                <a16:creationId xmlns:a16="http://schemas.microsoft.com/office/drawing/2014/main" id="{77D0C7BE-2786-06B5-DFD3-2114450CA80B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FF878DBA-2EBC-43F0-9949-F80BCFCE585E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5" name="Footer Placeholder 8">
            <a:extLst>
              <a:ext uri="{FF2B5EF4-FFF2-40B4-BE49-F238E27FC236}">
                <a16:creationId xmlns:a16="http://schemas.microsoft.com/office/drawing/2014/main" id="{DA5E5FED-78CE-352A-EEEF-A36CAF0EF32A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6" name="Slide Number Placeholder 9">
            <a:extLst>
              <a:ext uri="{FF2B5EF4-FFF2-40B4-BE49-F238E27FC236}">
                <a16:creationId xmlns:a16="http://schemas.microsoft.com/office/drawing/2014/main" id="{BC0F0DBC-929B-B753-9E80-FE258FDC92C0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56D54311-3474-4F19-8D07-2AEE6E2166A9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65156830"/>
      </p:ext>
    </p:extLst>
  </p:cSld>
  <p:clrMapOvr>
    <a:masterClrMapping/>
  </p:clrMapOvr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RAPPORT Fire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ggrund">
            <a:extLst>
              <a:ext uri="{FF2B5EF4-FFF2-40B4-BE49-F238E27FC236}">
                <a16:creationId xmlns:a16="http://schemas.microsoft.com/office/drawing/2014/main" id="{849C9C0C-BC67-CCE6-F6A6-A00F5F40993B}"/>
              </a:ext>
            </a:extLst>
          </p:cNvPr>
          <p:cNvSpPr/>
          <p:nvPr userDrawn="1"/>
        </p:nvSpPr>
        <p:spPr>
          <a:xfrm>
            <a:off x="0" y="0"/>
            <a:ext cx="6858000" cy="12192000"/>
          </a:xfrm>
          <a:prstGeom prst="rect">
            <a:avLst/>
          </a:prstGeom>
          <a:solidFill>
            <a:srgbClr val="EBE0C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20250" rIns="40500" bIns="2025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en-GB" sz="1125" dirty="0"/>
          </a:p>
        </p:txBody>
      </p:sp>
      <p:sp>
        <p:nvSpPr>
          <p:cNvPr id="6" name="Logo">
            <a:extLst>
              <a:ext uri="{FF2B5EF4-FFF2-40B4-BE49-F238E27FC236}">
                <a16:creationId xmlns:a16="http://schemas.microsoft.com/office/drawing/2014/main" id="{93451202-F15A-2C02-5328-EB200692064A}"/>
              </a:ext>
            </a:extLst>
          </p:cNvPr>
          <p:cNvSpPr/>
          <p:nvPr userDrawn="1"/>
        </p:nvSpPr>
        <p:spPr>
          <a:xfrm>
            <a:off x="6197600" y="639763"/>
            <a:ext cx="355600" cy="635000"/>
          </a:xfrm>
          <a:custGeom>
            <a:avLst/>
            <a:gdLst>
              <a:gd name="connsiteX0" fmla="*/ 3991223 w 5553123"/>
              <a:gd name="connsiteY0" fmla="*/ 1407246 h 3128654"/>
              <a:gd name="connsiteX1" fmla="*/ 3430346 w 5553123"/>
              <a:gd name="connsiteY1" fmla="*/ 1968030 h 3128654"/>
              <a:gd name="connsiteX2" fmla="*/ 3597555 w 5553123"/>
              <a:gd name="connsiteY2" fmla="*/ 1999879 h 3128654"/>
              <a:gd name="connsiteX3" fmla="*/ 4017277 w 5553123"/>
              <a:gd name="connsiteY3" fmla="*/ 1565700 h 3128654"/>
              <a:gd name="connsiteX4" fmla="*/ 4017243 w 5553123"/>
              <a:gd name="connsiteY4" fmla="*/ 1565803 h 3128654"/>
              <a:gd name="connsiteX5" fmla="*/ 3991223 w 5553123"/>
              <a:gd name="connsiteY5" fmla="*/ 1407246 h 3128654"/>
              <a:gd name="connsiteX6" fmla="*/ 3597692 w 5553123"/>
              <a:gd name="connsiteY6" fmla="*/ 1131487 h 3128654"/>
              <a:gd name="connsiteX7" fmla="*/ 3172031 w 5553123"/>
              <a:gd name="connsiteY7" fmla="*/ 1565700 h 3128654"/>
              <a:gd name="connsiteX8" fmla="*/ 3171997 w 5553123"/>
              <a:gd name="connsiteY8" fmla="*/ 1565803 h 3128654"/>
              <a:gd name="connsiteX9" fmla="*/ 3197296 w 5553123"/>
              <a:gd name="connsiteY9" fmla="*/ 1722061 h 3128654"/>
              <a:gd name="connsiteX10" fmla="*/ 3757830 w 5553123"/>
              <a:gd name="connsiteY10" fmla="*/ 1161723 h 3128654"/>
              <a:gd name="connsiteX11" fmla="*/ 3597692 w 5553123"/>
              <a:gd name="connsiteY11" fmla="*/ 1131487 h 3128654"/>
              <a:gd name="connsiteX12" fmla="*/ 2205438 w 5553123"/>
              <a:gd name="connsiteY12" fmla="*/ 837298 h 3128654"/>
              <a:gd name="connsiteX13" fmla="*/ 2590180 w 5553123"/>
              <a:gd name="connsiteY13" fmla="*/ 837298 h 3128654"/>
              <a:gd name="connsiteX14" fmla="*/ 2590180 w 5553123"/>
              <a:gd name="connsiteY14" fmla="*/ 2548651 h 3128654"/>
              <a:gd name="connsiteX15" fmla="*/ 2015984 w 5553123"/>
              <a:gd name="connsiteY15" fmla="*/ 3128654 h 3128654"/>
              <a:gd name="connsiteX16" fmla="*/ 1756572 w 5553123"/>
              <a:gd name="connsiteY16" fmla="*/ 3073262 h 3128654"/>
              <a:gd name="connsiteX17" fmla="*/ 1844038 w 5553123"/>
              <a:gd name="connsiteY17" fmla="*/ 2761571 h 3128654"/>
              <a:gd name="connsiteX18" fmla="*/ 1989724 w 5553123"/>
              <a:gd name="connsiteY18" fmla="*/ 2787791 h 3128654"/>
              <a:gd name="connsiteX19" fmla="*/ 2205438 w 5553123"/>
              <a:gd name="connsiteY19" fmla="*/ 2548857 h 3128654"/>
              <a:gd name="connsiteX20" fmla="*/ 4139105 w 5553123"/>
              <a:gd name="connsiteY20" fmla="*/ 780499 h 3128654"/>
              <a:gd name="connsiteX21" fmla="*/ 4378642 w 5553123"/>
              <a:gd name="connsiteY21" fmla="*/ 1020017 h 3128654"/>
              <a:gd name="connsiteX22" fmla="*/ 4263474 w 5553123"/>
              <a:gd name="connsiteY22" fmla="*/ 1135365 h 3128654"/>
              <a:gd name="connsiteX23" fmla="*/ 4390485 w 5553123"/>
              <a:gd name="connsiteY23" fmla="*/ 1565769 h 3128654"/>
              <a:gd name="connsiteX24" fmla="*/ 3597520 w 5553123"/>
              <a:gd name="connsiteY24" fmla="*/ 2335080 h 3128654"/>
              <a:gd name="connsiteX25" fmla="*/ 3173748 w 5553123"/>
              <a:gd name="connsiteY25" fmla="*/ 2224604 h 3128654"/>
              <a:gd name="connsiteX26" fmla="*/ 3050169 w 5553123"/>
              <a:gd name="connsiteY26" fmla="*/ 2348155 h 3128654"/>
              <a:gd name="connsiteX27" fmla="*/ 2810563 w 5553123"/>
              <a:gd name="connsiteY27" fmla="*/ 2108707 h 3128654"/>
              <a:gd name="connsiteX28" fmla="*/ 2925320 w 5553123"/>
              <a:gd name="connsiteY28" fmla="*/ 1993976 h 3128654"/>
              <a:gd name="connsiteX29" fmla="*/ 2798892 w 5553123"/>
              <a:gd name="connsiteY29" fmla="*/ 1565838 h 3128654"/>
              <a:gd name="connsiteX30" fmla="*/ 3597486 w 5553123"/>
              <a:gd name="connsiteY30" fmla="*/ 793644 h 3128654"/>
              <a:gd name="connsiteX31" fmla="*/ 4015526 w 5553123"/>
              <a:gd name="connsiteY31" fmla="*/ 904050 h 3128654"/>
              <a:gd name="connsiteX32" fmla="*/ 396379 w 5553123"/>
              <a:gd name="connsiteY32" fmla="*/ 435140 h 3128654"/>
              <a:gd name="connsiteX33" fmla="*/ 396379 w 5553123"/>
              <a:gd name="connsiteY33" fmla="*/ 1932956 h 3128654"/>
              <a:gd name="connsiteX34" fmla="*/ 846344 w 5553123"/>
              <a:gd name="connsiteY34" fmla="*/ 1932956 h 3128654"/>
              <a:gd name="connsiteX35" fmla="*/ 1601274 w 5553123"/>
              <a:gd name="connsiteY35" fmla="*/ 1184065 h 3128654"/>
              <a:gd name="connsiteX36" fmla="*/ 846344 w 5553123"/>
              <a:gd name="connsiteY36" fmla="*/ 435140 h 3128654"/>
              <a:gd name="connsiteX37" fmla="*/ 0 w 5553123"/>
              <a:gd name="connsiteY37" fmla="*/ 76739 h 3128654"/>
              <a:gd name="connsiteX38" fmla="*/ 820049 w 5553123"/>
              <a:gd name="connsiteY38" fmla="*/ 76739 h 3128654"/>
              <a:gd name="connsiteX39" fmla="*/ 2000502 w 5553123"/>
              <a:gd name="connsiteY39" fmla="*/ 1184065 h 3128654"/>
              <a:gd name="connsiteX40" fmla="*/ 820049 w 5553123"/>
              <a:gd name="connsiteY40" fmla="*/ 2291391 h 3128654"/>
              <a:gd name="connsiteX41" fmla="*/ 0 w 5553123"/>
              <a:gd name="connsiteY41" fmla="*/ 2291391 h 3128654"/>
              <a:gd name="connsiteX42" fmla="*/ 5214998 w 5553123"/>
              <a:gd name="connsiteY42" fmla="*/ 0 h 3128654"/>
              <a:gd name="connsiteX43" fmla="*/ 5474410 w 5553123"/>
              <a:gd name="connsiteY43" fmla="*/ 55393 h 3128654"/>
              <a:gd name="connsiteX44" fmla="*/ 5386944 w 5553123"/>
              <a:gd name="connsiteY44" fmla="*/ 367187 h 3128654"/>
              <a:gd name="connsiteX45" fmla="*/ 5241258 w 5553123"/>
              <a:gd name="connsiteY45" fmla="*/ 340932 h 3128654"/>
              <a:gd name="connsiteX46" fmla="*/ 5025544 w 5553123"/>
              <a:gd name="connsiteY46" fmla="*/ 579901 h 3128654"/>
              <a:gd name="connsiteX47" fmla="*/ 5025544 w 5553123"/>
              <a:gd name="connsiteY47" fmla="*/ 837299 h 3128654"/>
              <a:gd name="connsiteX48" fmla="*/ 5553123 w 5553123"/>
              <a:gd name="connsiteY48" fmla="*/ 837402 h 3128654"/>
              <a:gd name="connsiteX49" fmla="*/ 5553123 w 5553123"/>
              <a:gd name="connsiteY49" fmla="*/ 1152113 h 3128654"/>
              <a:gd name="connsiteX50" fmla="*/ 5025544 w 5553123"/>
              <a:gd name="connsiteY50" fmla="*/ 1152113 h 3128654"/>
              <a:gd name="connsiteX51" fmla="*/ 5025544 w 5553123"/>
              <a:gd name="connsiteY51" fmla="*/ 2291528 h 3128654"/>
              <a:gd name="connsiteX52" fmla="*/ 4640802 w 5553123"/>
              <a:gd name="connsiteY52" fmla="*/ 2291528 h 3128654"/>
              <a:gd name="connsiteX53" fmla="*/ 4640802 w 5553123"/>
              <a:gd name="connsiteY53" fmla="*/ 1152113 h 3128654"/>
              <a:gd name="connsiteX54" fmla="*/ 4423612 w 5553123"/>
              <a:gd name="connsiteY54" fmla="*/ 1152113 h 3128654"/>
              <a:gd name="connsiteX55" fmla="*/ 4423612 w 5553123"/>
              <a:gd name="connsiteY55" fmla="*/ 837402 h 3128654"/>
              <a:gd name="connsiteX56" fmla="*/ 4640802 w 5553123"/>
              <a:gd name="connsiteY56" fmla="*/ 837402 h 3128654"/>
              <a:gd name="connsiteX57" fmla="*/ 4640802 w 5553123"/>
              <a:gd name="connsiteY57" fmla="*/ 580004 h 3128654"/>
              <a:gd name="connsiteX58" fmla="*/ 5214998 w 5553123"/>
              <a:gd name="connsiteY58" fmla="*/ 0 h 31286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5553123" h="3128654">
                <a:moveTo>
                  <a:pt x="3991223" y="1407246"/>
                </a:moveTo>
                <a:lnTo>
                  <a:pt x="3430346" y="1968030"/>
                </a:lnTo>
                <a:cubicBezTo>
                  <a:pt x="3483553" y="1989213"/>
                  <a:pt x="3540297" y="2000023"/>
                  <a:pt x="3597555" y="1999879"/>
                </a:cubicBezTo>
                <a:cubicBezTo>
                  <a:pt x="3819070" y="1999879"/>
                  <a:pt x="4017277" y="1836826"/>
                  <a:pt x="4017277" y="1565700"/>
                </a:cubicBezTo>
                <a:lnTo>
                  <a:pt x="4017243" y="1565803"/>
                </a:lnTo>
                <a:cubicBezTo>
                  <a:pt x="4017518" y="1511866"/>
                  <a:pt x="4008729" y="1458269"/>
                  <a:pt x="3991223" y="1407246"/>
                </a:cubicBezTo>
                <a:close/>
                <a:moveTo>
                  <a:pt x="3597692" y="1131487"/>
                </a:moveTo>
                <a:cubicBezTo>
                  <a:pt x="3370204" y="1131487"/>
                  <a:pt x="3172031" y="1294574"/>
                  <a:pt x="3172031" y="1565700"/>
                </a:cubicBezTo>
                <a:lnTo>
                  <a:pt x="3171997" y="1565803"/>
                </a:lnTo>
                <a:cubicBezTo>
                  <a:pt x="3171757" y="1618927"/>
                  <a:pt x="3180304" y="1671724"/>
                  <a:pt x="3197296" y="1722061"/>
                </a:cubicBezTo>
                <a:lnTo>
                  <a:pt x="3757830" y="1161723"/>
                </a:lnTo>
                <a:cubicBezTo>
                  <a:pt x="3706819" y="1141649"/>
                  <a:pt x="3652513" y="1131391"/>
                  <a:pt x="3597692" y="1131487"/>
                </a:cubicBezTo>
                <a:close/>
                <a:moveTo>
                  <a:pt x="2205438" y="837298"/>
                </a:moveTo>
                <a:lnTo>
                  <a:pt x="2590180" y="837298"/>
                </a:lnTo>
                <a:lnTo>
                  <a:pt x="2590180" y="2548651"/>
                </a:lnTo>
                <a:cubicBezTo>
                  <a:pt x="2590180" y="2895520"/>
                  <a:pt x="2359911" y="3128654"/>
                  <a:pt x="2015984" y="3128654"/>
                </a:cubicBezTo>
                <a:cubicBezTo>
                  <a:pt x="1922717" y="3128654"/>
                  <a:pt x="1838202" y="3111014"/>
                  <a:pt x="1756572" y="3073262"/>
                </a:cubicBezTo>
                <a:lnTo>
                  <a:pt x="1844038" y="2761571"/>
                </a:lnTo>
                <a:cubicBezTo>
                  <a:pt x="1896456" y="2779074"/>
                  <a:pt x="1948909" y="2787791"/>
                  <a:pt x="1989724" y="2787791"/>
                </a:cubicBezTo>
                <a:cubicBezTo>
                  <a:pt x="2118006" y="2787791"/>
                  <a:pt x="2205438" y="2691627"/>
                  <a:pt x="2205438" y="2548857"/>
                </a:cubicBezTo>
                <a:close/>
                <a:moveTo>
                  <a:pt x="4139105" y="780499"/>
                </a:moveTo>
                <a:lnTo>
                  <a:pt x="4378642" y="1020017"/>
                </a:lnTo>
                <a:lnTo>
                  <a:pt x="4263474" y="1135365"/>
                </a:lnTo>
                <a:cubicBezTo>
                  <a:pt x="4343457" y="1255038"/>
                  <a:pt x="4390485" y="1401034"/>
                  <a:pt x="4390485" y="1565769"/>
                </a:cubicBezTo>
                <a:cubicBezTo>
                  <a:pt x="4390485" y="2023285"/>
                  <a:pt x="4028880" y="2335080"/>
                  <a:pt x="3597520" y="2335080"/>
                </a:cubicBezTo>
                <a:cubicBezTo>
                  <a:pt x="3442429" y="2335080"/>
                  <a:pt x="3296983" y="2295681"/>
                  <a:pt x="3173748" y="2224604"/>
                </a:cubicBezTo>
                <a:lnTo>
                  <a:pt x="3050169" y="2348155"/>
                </a:lnTo>
                <a:lnTo>
                  <a:pt x="2810563" y="2108707"/>
                </a:lnTo>
                <a:lnTo>
                  <a:pt x="2925320" y="1993976"/>
                </a:lnTo>
                <a:cubicBezTo>
                  <a:pt x="2845543" y="1875058"/>
                  <a:pt x="2798892" y="1729886"/>
                  <a:pt x="2798892" y="1565838"/>
                </a:cubicBezTo>
                <a:cubicBezTo>
                  <a:pt x="2798892" y="1108390"/>
                  <a:pt x="3160291" y="793644"/>
                  <a:pt x="3597486" y="793644"/>
                </a:cubicBezTo>
                <a:cubicBezTo>
                  <a:pt x="3749866" y="793644"/>
                  <a:pt x="3893424" y="833077"/>
                  <a:pt x="4015526" y="904050"/>
                </a:cubicBezTo>
                <a:close/>
                <a:moveTo>
                  <a:pt x="396379" y="435140"/>
                </a:moveTo>
                <a:lnTo>
                  <a:pt x="396379" y="1932956"/>
                </a:lnTo>
                <a:lnTo>
                  <a:pt x="846344" y="1932956"/>
                </a:lnTo>
                <a:cubicBezTo>
                  <a:pt x="1298059" y="1932956"/>
                  <a:pt x="1601274" y="1632830"/>
                  <a:pt x="1601274" y="1184065"/>
                </a:cubicBezTo>
                <a:cubicBezTo>
                  <a:pt x="1601274" y="735300"/>
                  <a:pt x="1298128" y="435140"/>
                  <a:pt x="846344" y="435140"/>
                </a:cubicBezTo>
                <a:close/>
                <a:moveTo>
                  <a:pt x="0" y="76739"/>
                </a:moveTo>
                <a:lnTo>
                  <a:pt x="820049" y="76739"/>
                </a:lnTo>
                <a:cubicBezTo>
                  <a:pt x="1528328" y="76739"/>
                  <a:pt x="2000502" y="519670"/>
                  <a:pt x="2000502" y="1184065"/>
                </a:cubicBezTo>
                <a:cubicBezTo>
                  <a:pt x="2000502" y="1848460"/>
                  <a:pt x="1528328" y="2291391"/>
                  <a:pt x="820049" y="2291391"/>
                </a:cubicBezTo>
                <a:lnTo>
                  <a:pt x="0" y="2291391"/>
                </a:lnTo>
                <a:close/>
                <a:moveTo>
                  <a:pt x="5214998" y="0"/>
                </a:moveTo>
                <a:cubicBezTo>
                  <a:pt x="5308265" y="0"/>
                  <a:pt x="5392780" y="17641"/>
                  <a:pt x="5474410" y="55393"/>
                </a:cubicBezTo>
                <a:lnTo>
                  <a:pt x="5386944" y="367187"/>
                </a:lnTo>
                <a:cubicBezTo>
                  <a:pt x="5334526" y="349684"/>
                  <a:pt x="5282074" y="340932"/>
                  <a:pt x="5241258" y="340932"/>
                </a:cubicBezTo>
                <a:cubicBezTo>
                  <a:pt x="5112976" y="340932"/>
                  <a:pt x="5025544" y="437131"/>
                  <a:pt x="5025544" y="579901"/>
                </a:cubicBezTo>
                <a:lnTo>
                  <a:pt x="5025544" y="837299"/>
                </a:lnTo>
                <a:lnTo>
                  <a:pt x="5553123" y="837402"/>
                </a:lnTo>
                <a:lnTo>
                  <a:pt x="5553123" y="1152113"/>
                </a:lnTo>
                <a:lnTo>
                  <a:pt x="5025544" y="1152113"/>
                </a:lnTo>
                <a:lnTo>
                  <a:pt x="5025544" y="2291528"/>
                </a:lnTo>
                <a:lnTo>
                  <a:pt x="4640802" y="2291528"/>
                </a:lnTo>
                <a:lnTo>
                  <a:pt x="4640802" y="1152113"/>
                </a:lnTo>
                <a:lnTo>
                  <a:pt x="4423612" y="1152113"/>
                </a:lnTo>
                <a:lnTo>
                  <a:pt x="4423612" y="837402"/>
                </a:lnTo>
                <a:lnTo>
                  <a:pt x="4640802" y="837402"/>
                </a:lnTo>
                <a:lnTo>
                  <a:pt x="4640802" y="580004"/>
                </a:lnTo>
                <a:cubicBezTo>
                  <a:pt x="4640802" y="233134"/>
                  <a:pt x="4871070" y="0"/>
                  <a:pt x="5214998" y="0"/>
                </a:cubicBezTo>
                <a:close/>
              </a:path>
            </a:pathLst>
          </a:custGeom>
          <a:solidFill>
            <a:srgbClr val="1D1D1B"/>
          </a:solidFill>
          <a:ln w="3432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03750" y="1600000"/>
            <a:ext cx="3023452" cy="4492800"/>
          </a:xfrm>
        </p:spPr>
        <p:txBody>
          <a:bodyPr/>
          <a:lstStyle>
            <a:lvl1pPr>
              <a:defRPr sz="1350"/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03750" y="6732800"/>
            <a:ext cx="1411425" cy="4492800"/>
          </a:xfrm>
        </p:spPr>
        <p:txBody>
          <a:bodyPr/>
          <a:lstStyle>
            <a:lvl1pPr>
              <a:defRPr sz="900"/>
            </a:lvl1pPr>
            <a:lvl2pPr>
              <a:defRPr sz="900"/>
            </a:lvl2pPr>
            <a:lvl3pPr>
              <a:defRPr sz="900"/>
            </a:lvl3pPr>
            <a:lvl4pPr>
              <a:defRPr sz="900"/>
            </a:lvl4pPr>
            <a:lvl5pPr>
              <a:defRPr sz="900"/>
            </a:lvl5pPr>
          </a:lstStyle>
          <a:p>
            <a:pPr lvl="0"/>
            <a:r>
              <a:rPr lang="da-DK" noProof="0"/>
              <a:t>Klik for at redigere teksttypografierne i masteren</a:t>
            </a:r>
          </a:p>
          <a:p>
            <a:pPr lvl="1"/>
            <a:r>
              <a:rPr lang="da-DK" noProof="0"/>
              <a:t>Andet niveau</a:t>
            </a:r>
          </a:p>
          <a:p>
            <a:pPr lvl="2"/>
            <a:r>
              <a:rPr lang="da-DK" noProof="0"/>
              <a:t>Tredje niveau</a:t>
            </a:r>
          </a:p>
          <a:p>
            <a:pPr lvl="3"/>
            <a:r>
              <a:rPr lang="da-DK" noProof="0"/>
              <a:t>Fjerde niveau</a:t>
            </a:r>
          </a:p>
        </p:txBody>
      </p:sp>
      <p:sp>
        <p:nvSpPr>
          <p:cNvPr id="7" name="Content Placeholder 3"/>
          <p:cNvSpPr>
            <a:spLocks noGrp="1"/>
          </p:cNvSpPr>
          <p:nvPr>
            <p:ph sz="half" idx="2"/>
          </p:nvPr>
        </p:nvSpPr>
        <p:spPr>
          <a:xfrm>
            <a:off x="1916310" y="6732800"/>
            <a:ext cx="1411425" cy="4492800"/>
          </a:xfrm>
        </p:spPr>
        <p:txBody>
          <a:bodyPr/>
          <a:lstStyle>
            <a:lvl1pPr>
              <a:defRPr sz="900"/>
            </a:lvl1pPr>
            <a:lvl2pPr>
              <a:defRPr sz="900"/>
            </a:lvl2pPr>
            <a:lvl3pPr>
              <a:defRPr sz="900"/>
            </a:lvl3pPr>
            <a:lvl4pPr>
              <a:defRPr sz="900"/>
            </a:lvl4pPr>
            <a:lvl5pPr>
              <a:defRPr sz="900"/>
            </a:lvl5pPr>
          </a:lstStyle>
          <a:p>
            <a:pPr lvl="0"/>
            <a:r>
              <a:rPr lang="da-DK" noProof="0"/>
              <a:t>Klik for at redigere teksttypografierne i masteren</a:t>
            </a:r>
          </a:p>
          <a:p>
            <a:pPr lvl="1"/>
            <a:r>
              <a:rPr lang="da-DK" noProof="0"/>
              <a:t>Andet niveau</a:t>
            </a:r>
          </a:p>
          <a:p>
            <a:pPr lvl="2"/>
            <a:r>
              <a:rPr lang="da-DK" noProof="0"/>
              <a:t>Tredje niveau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sz="quarter" idx="13"/>
          </p:nvPr>
        </p:nvSpPr>
        <p:spPr>
          <a:xfrm>
            <a:off x="3529575" y="1600000"/>
            <a:ext cx="3023325" cy="4492800"/>
          </a:xfrm>
        </p:spPr>
        <p:txBody>
          <a:bodyPr/>
          <a:lstStyle>
            <a:lvl1pPr>
              <a:defRPr sz="900"/>
            </a:lvl1pPr>
            <a:lvl2pPr>
              <a:defRPr sz="900"/>
            </a:lvl2pPr>
            <a:lvl3pPr>
              <a:defRPr sz="900"/>
            </a:lvl3pPr>
            <a:lvl4pPr>
              <a:defRPr sz="900"/>
            </a:lvl4pPr>
            <a:lvl5pPr>
              <a:defRPr sz="900"/>
            </a:lvl5pPr>
          </a:lstStyle>
          <a:p>
            <a:pPr lvl="0"/>
            <a:r>
              <a:rPr lang="da-DK" noProof="0"/>
              <a:t>Klik for at redigere teksttypografierne i masteren</a:t>
            </a:r>
          </a:p>
          <a:p>
            <a:pPr lvl="1"/>
            <a:r>
              <a:rPr lang="da-DK" noProof="0"/>
              <a:t>Andet niveau</a:t>
            </a:r>
          </a:p>
          <a:p>
            <a:pPr lvl="2"/>
            <a:r>
              <a:rPr lang="da-DK" noProof="0"/>
              <a:t>Tredje niveau</a:t>
            </a:r>
          </a:p>
          <a:p>
            <a:pPr lvl="3"/>
            <a:r>
              <a:rPr lang="da-DK" noProof="0"/>
              <a:t>Fjerde niveau</a:t>
            </a:r>
          </a:p>
          <a:p>
            <a:pPr lvl="4"/>
            <a:r>
              <a:rPr lang="da-DK" noProof="0"/>
              <a:t>Femte niveau</a:t>
            </a:r>
            <a:endParaRPr lang="da-DK" dirty="0"/>
          </a:p>
        </p:txBody>
      </p:sp>
      <p:sp>
        <p:nvSpPr>
          <p:cNvPr id="11" name="Content Placeholder 10"/>
          <p:cNvSpPr>
            <a:spLocks noGrp="1"/>
          </p:cNvSpPr>
          <p:nvPr>
            <p:ph sz="quarter" idx="14"/>
          </p:nvPr>
        </p:nvSpPr>
        <p:spPr>
          <a:xfrm>
            <a:off x="3529575" y="6732800"/>
            <a:ext cx="3023592" cy="4492800"/>
          </a:xfrm>
        </p:spPr>
        <p:txBody>
          <a:bodyPr/>
          <a:lstStyle>
            <a:lvl1pPr>
              <a:defRPr sz="900"/>
            </a:lvl1pPr>
            <a:lvl2pPr>
              <a:defRPr sz="900"/>
            </a:lvl2pPr>
            <a:lvl3pPr>
              <a:defRPr sz="900"/>
            </a:lvl3pPr>
            <a:lvl4pPr>
              <a:defRPr sz="900"/>
            </a:lvl4pPr>
            <a:lvl5pPr>
              <a:defRPr sz="900"/>
            </a:lvl5pPr>
          </a:lstStyle>
          <a:p>
            <a:pPr lvl="0"/>
            <a:r>
              <a:rPr lang="da-DK" noProof="0"/>
              <a:t>Klik for at redigere teksttypografierne i masteren</a:t>
            </a:r>
          </a:p>
          <a:p>
            <a:pPr lvl="1"/>
            <a:r>
              <a:rPr lang="da-DK" noProof="0"/>
              <a:t>Andet niveau</a:t>
            </a:r>
          </a:p>
          <a:p>
            <a:pPr lvl="2"/>
            <a:r>
              <a:rPr lang="da-DK" noProof="0"/>
              <a:t>Tredje niveau</a:t>
            </a:r>
          </a:p>
          <a:p>
            <a:pPr lvl="3"/>
            <a:r>
              <a:rPr lang="da-DK" noProof="0"/>
              <a:t>Fjerde niveau</a:t>
            </a:r>
          </a:p>
          <a:p>
            <a:pPr lvl="4"/>
            <a:r>
              <a:rPr lang="da-DK" noProof="0"/>
              <a:t>Femte niveau</a:t>
            </a:r>
            <a:endParaRPr lang="da-DK" dirty="0"/>
          </a:p>
        </p:txBody>
      </p:sp>
      <p:sp>
        <p:nvSpPr>
          <p:cNvPr id="17" name="Text Placeholder notes"/>
          <p:cNvSpPr>
            <a:spLocks noGrp="1"/>
          </p:cNvSpPr>
          <p:nvPr>
            <p:ph type="body" sz="quarter" idx="17"/>
          </p:nvPr>
        </p:nvSpPr>
        <p:spPr>
          <a:xfrm>
            <a:off x="303750" y="11232001"/>
            <a:ext cx="6250856" cy="321289"/>
          </a:xfrm>
        </p:spPr>
        <p:txBody>
          <a:bodyPr anchor="b" anchorCtr="0"/>
          <a:lstStyle>
            <a:lvl1pPr marL="0" indent="0">
              <a:spcAft>
                <a:spcPts val="169"/>
              </a:spcAft>
              <a:buFont typeface="Arial" panose="020B0604020202020204" pitchFamily="34" charset="0"/>
              <a:buNone/>
              <a:defRPr sz="450" i="1"/>
            </a:lvl1pPr>
            <a:lvl2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2pPr>
            <a:lvl3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3pPr>
            <a:lvl4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4pPr>
            <a:lvl5pPr marL="0" indent="0">
              <a:buFont typeface="Arial" panose="020B0604020202020204" pitchFamily="34" charset="0"/>
              <a:buNone/>
              <a:defRPr/>
            </a:lvl5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8" name="Date Placeholder 23">
            <a:extLst>
              <a:ext uri="{FF2B5EF4-FFF2-40B4-BE49-F238E27FC236}">
                <a16:creationId xmlns:a16="http://schemas.microsoft.com/office/drawing/2014/main" id="{775BB1E9-BD1A-7B62-0078-ED972EAEA444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A8374092-9AE6-4224-8AD5-67CEB3A28762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9" name="Footer Placeholder 24">
            <a:extLst>
              <a:ext uri="{FF2B5EF4-FFF2-40B4-BE49-F238E27FC236}">
                <a16:creationId xmlns:a16="http://schemas.microsoft.com/office/drawing/2014/main" id="{73491115-FC85-0EBF-9E2A-6789754D3B70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10" name="Slide Number Placeholder 25">
            <a:extLst>
              <a:ext uri="{FF2B5EF4-FFF2-40B4-BE49-F238E27FC236}">
                <a16:creationId xmlns:a16="http://schemas.microsoft.com/office/drawing/2014/main" id="{65A32422-BAFB-A530-8F4B-AE9C1F62722F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DDE6314A-2EF6-4E25-AC4C-1087AADD8B90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362644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 slide med billed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Baggrund">
            <a:extLst>
              <a:ext uri="{FF2B5EF4-FFF2-40B4-BE49-F238E27FC236}">
                <a16:creationId xmlns:a16="http://schemas.microsoft.com/office/drawing/2014/main" id="{1A525284-8B0E-CC24-125E-DA15B05E154B}"/>
              </a:ext>
            </a:extLst>
          </p:cNvPr>
          <p:cNvSpPr/>
          <p:nvPr userDrawn="1"/>
        </p:nvSpPr>
        <p:spPr bwMode="ltGray">
          <a:xfrm>
            <a:off x="0" y="0"/>
            <a:ext cx="6858000" cy="12192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20250" rIns="40500" bIns="2025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125" dirty="0"/>
          </a:p>
        </p:txBody>
      </p:sp>
      <p:sp>
        <p:nvSpPr>
          <p:cNvPr id="8" name="Picture Placeholder 7"/>
          <p:cNvSpPr>
            <a:spLocks noGrp="1"/>
          </p:cNvSpPr>
          <p:nvPr>
            <p:ph type="pic" sz="quarter" idx="13"/>
          </p:nvPr>
        </p:nvSpPr>
        <p:spPr>
          <a:xfrm>
            <a:off x="3864769" y="0"/>
            <a:ext cx="2993234" cy="12199164"/>
          </a:xfrm>
          <a:prstGeom prst="rect">
            <a:avLst/>
          </a:prstGeom>
          <a:solidFill>
            <a:schemeClr val="bg2"/>
          </a:solidFill>
        </p:spPr>
        <p:txBody>
          <a:bodyPr lIns="360000" tIns="108000" rIns="2052000"/>
          <a:lstStyle>
            <a:lvl1pPr marL="0" indent="0" algn="l">
              <a:buNone/>
              <a:defRPr sz="788"/>
            </a:lvl1pPr>
          </a:lstStyle>
          <a:p>
            <a:pPr lvl="0"/>
            <a:r>
              <a:rPr lang="da-DK" noProof="0"/>
              <a:t>Klik på ikonet for at tilføje et billede</a:t>
            </a:r>
            <a:endParaRPr lang="da-DK" noProof="0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 bwMode="white">
          <a:xfrm>
            <a:off x="303750" y="637822"/>
            <a:ext cx="3226156" cy="640000"/>
          </a:xfrm>
        </p:spPr>
        <p:txBody>
          <a:bodyPr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506">
                <a:solidFill>
                  <a:schemeClr val="bg1"/>
                </a:solidFill>
              </a:defRPr>
            </a:lvl1pPr>
            <a:lvl2pPr marL="0" indent="0" algn="l">
              <a:buFont typeface="Arial" panose="020B0604020202020204" pitchFamily="34" charset="0"/>
              <a:buChar char="​"/>
              <a:defRPr sz="1125"/>
            </a:lvl2pPr>
            <a:lvl3pPr marL="0" indent="0" algn="l">
              <a:buFont typeface="Arial" panose="020B0604020202020204" pitchFamily="34" charset="0"/>
              <a:buChar char="​"/>
              <a:defRPr sz="1125"/>
            </a:lvl3pPr>
            <a:lvl4pPr marL="0" indent="0" algn="l">
              <a:buFont typeface="Arial" panose="020B0604020202020204" pitchFamily="34" charset="0"/>
              <a:buChar char="​"/>
              <a:defRPr sz="1125"/>
            </a:lvl4pPr>
            <a:lvl5pPr marL="0" indent="0" algn="l">
              <a:buFont typeface="Arial" panose="020B0604020202020204" pitchFamily="34" charset="0"/>
              <a:buChar char="​"/>
              <a:defRPr sz="1125"/>
            </a:lvl5pPr>
            <a:lvl6pPr marL="0" indent="0" algn="l">
              <a:buFont typeface="Arial" panose="020B0604020202020204" pitchFamily="34" charset="0"/>
              <a:buChar char="​"/>
              <a:defRPr sz="1125"/>
            </a:lvl6pPr>
            <a:lvl7pPr marL="0" indent="0" algn="l">
              <a:buFont typeface="Arial" panose="020B0604020202020204" pitchFamily="34" charset="0"/>
              <a:buChar char="​"/>
              <a:defRPr sz="1125"/>
            </a:lvl7pPr>
            <a:lvl8pPr marL="0" indent="0" algn="l">
              <a:buFont typeface="Arial" panose="020B0604020202020204" pitchFamily="34" charset="0"/>
              <a:buChar char="​"/>
              <a:defRPr sz="1125"/>
            </a:lvl8pPr>
            <a:lvl9pPr marL="0" indent="0" algn="l">
              <a:buFont typeface="Arial" panose="020B0604020202020204" pitchFamily="34" charset="0"/>
              <a:buChar char="​"/>
              <a:defRPr sz="1125"/>
            </a:lvl9pPr>
          </a:lstStyle>
          <a:p>
            <a:r>
              <a:rPr lang="da-DK"/>
              <a:t>Klik for at redigere undertiteltypografien i masteren</a:t>
            </a:r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 bwMode="white">
          <a:xfrm>
            <a:off x="303610" y="3812821"/>
            <a:ext cx="3226297" cy="4441600"/>
          </a:xfrm>
        </p:spPr>
        <p:txBody>
          <a:bodyPr anchor="ctr"/>
          <a:lstStyle>
            <a:lvl1pPr algn="l">
              <a:defRPr sz="3038"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12" name="Logo on top"/>
          <p:cNvSpPr>
            <a:spLocks noGrp="1"/>
          </p:cNvSpPr>
          <p:nvPr>
            <p:ph type="body" sz="quarter" idx="14"/>
          </p:nvPr>
        </p:nvSpPr>
        <p:spPr bwMode="white">
          <a:xfrm>
            <a:off x="6054750" y="640000"/>
            <a:ext cx="498480" cy="887812"/>
          </a:xfrm>
          <a:custGeom>
            <a:avLst/>
            <a:gdLst>
              <a:gd name="connsiteX0" fmla="*/ 4742089 w 6597829"/>
              <a:gd name="connsiteY0" fmla="*/ 1672366 h 3718082"/>
              <a:gd name="connsiteX1" fmla="*/ 4075695 w 6597829"/>
              <a:gd name="connsiteY1" fmla="*/ 2338800 h 3718082"/>
              <a:gd name="connsiteX2" fmla="*/ 4274361 w 6597829"/>
              <a:gd name="connsiteY2" fmla="*/ 2376649 h 3718082"/>
              <a:gd name="connsiteX3" fmla="*/ 4773045 w 6597829"/>
              <a:gd name="connsiteY3" fmla="*/ 1860672 h 3718082"/>
              <a:gd name="connsiteX4" fmla="*/ 4773004 w 6597829"/>
              <a:gd name="connsiteY4" fmla="*/ 1860795 h 3718082"/>
              <a:gd name="connsiteX5" fmla="*/ 4742089 w 6597829"/>
              <a:gd name="connsiteY5" fmla="*/ 1672366 h 3718082"/>
              <a:gd name="connsiteX6" fmla="*/ 4274524 w 6597829"/>
              <a:gd name="connsiteY6" fmla="*/ 1344655 h 3718082"/>
              <a:gd name="connsiteX7" fmla="*/ 3768784 w 6597829"/>
              <a:gd name="connsiteY7" fmla="*/ 1860672 h 3718082"/>
              <a:gd name="connsiteX8" fmla="*/ 3768743 w 6597829"/>
              <a:gd name="connsiteY8" fmla="*/ 1860795 h 3718082"/>
              <a:gd name="connsiteX9" fmla="*/ 3798802 w 6597829"/>
              <a:gd name="connsiteY9" fmla="*/ 2046491 h 3718082"/>
              <a:gd name="connsiteX10" fmla="*/ 4464789 w 6597829"/>
              <a:gd name="connsiteY10" fmla="*/ 1380587 h 3718082"/>
              <a:gd name="connsiteX11" fmla="*/ 4274524 w 6597829"/>
              <a:gd name="connsiteY11" fmla="*/ 1344655 h 3718082"/>
              <a:gd name="connsiteX12" fmla="*/ 2620346 w 6597829"/>
              <a:gd name="connsiteY12" fmla="*/ 995042 h 3718082"/>
              <a:gd name="connsiteX13" fmla="*/ 3077470 w 6597829"/>
              <a:gd name="connsiteY13" fmla="*/ 995042 h 3718082"/>
              <a:gd name="connsiteX14" fmla="*/ 3077470 w 6597829"/>
              <a:gd name="connsiteY14" fmla="*/ 3028808 h 3718082"/>
              <a:gd name="connsiteX15" fmla="*/ 2395251 w 6597829"/>
              <a:gd name="connsiteY15" fmla="*/ 3718082 h 3718082"/>
              <a:gd name="connsiteX16" fmla="*/ 2087035 w 6597829"/>
              <a:gd name="connsiteY16" fmla="*/ 3652254 h 3718082"/>
              <a:gd name="connsiteX17" fmla="*/ 2190956 w 6597829"/>
              <a:gd name="connsiteY17" fmla="*/ 3281841 h 3718082"/>
              <a:gd name="connsiteX18" fmla="*/ 2364050 w 6597829"/>
              <a:gd name="connsiteY18" fmla="*/ 3313001 h 3718082"/>
              <a:gd name="connsiteX19" fmla="*/ 2620346 w 6597829"/>
              <a:gd name="connsiteY19" fmla="*/ 3029053 h 3718082"/>
              <a:gd name="connsiteX20" fmla="*/ 4917793 w 6597829"/>
              <a:gd name="connsiteY20" fmla="*/ 927542 h 3718082"/>
              <a:gd name="connsiteX21" fmla="*/ 5202394 w 6597829"/>
              <a:gd name="connsiteY21" fmla="*/ 1212184 h 3718082"/>
              <a:gd name="connsiteX22" fmla="*/ 5065559 w 6597829"/>
              <a:gd name="connsiteY22" fmla="*/ 1349264 h 3718082"/>
              <a:gd name="connsiteX23" fmla="*/ 5216465 w 6597829"/>
              <a:gd name="connsiteY23" fmla="*/ 1860754 h 3718082"/>
              <a:gd name="connsiteX24" fmla="*/ 4274320 w 6597829"/>
              <a:gd name="connsiteY24" fmla="*/ 2775000 h 3718082"/>
              <a:gd name="connsiteX25" fmla="*/ 3770823 w 6597829"/>
              <a:gd name="connsiteY25" fmla="*/ 2643712 h 3718082"/>
              <a:gd name="connsiteX26" fmla="*/ 3623995 w 6597829"/>
              <a:gd name="connsiteY26" fmla="*/ 2790539 h 3718082"/>
              <a:gd name="connsiteX27" fmla="*/ 3339313 w 6597829"/>
              <a:gd name="connsiteY27" fmla="*/ 2505979 h 3718082"/>
              <a:gd name="connsiteX28" fmla="*/ 3475659 w 6597829"/>
              <a:gd name="connsiteY28" fmla="*/ 2369634 h 3718082"/>
              <a:gd name="connsiteX29" fmla="*/ 3325446 w 6597829"/>
              <a:gd name="connsiteY29" fmla="*/ 1860836 h 3718082"/>
              <a:gd name="connsiteX30" fmla="*/ 4274279 w 6597829"/>
              <a:gd name="connsiteY30" fmla="*/ 943163 h 3718082"/>
              <a:gd name="connsiteX31" fmla="*/ 4770965 w 6597829"/>
              <a:gd name="connsiteY31" fmla="*/ 1074370 h 3718082"/>
              <a:gd name="connsiteX32" fmla="*/ 470950 w 6597829"/>
              <a:gd name="connsiteY32" fmla="*/ 517119 h 3718082"/>
              <a:gd name="connsiteX33" fmla="*/ 470950 w 6597829"/>
              <a:gd name="connsiteY33" fmla="*/ 2297117 h 3718082"/>
              <a:gd name="connsiteX34" fmla="*/ 1005566 w 6597829"/>
              <a:gd name="connsiteY34" fmla="*/ 2297117 h 3718082"/>
              <a:gd name="connsiteX35" fmla="*/ 1902521 w 6597829"/>
              <a:gd name="connsiteY35" fmla="*/ 1407138 h 3718082"/>
              <a:gd name="connsiteX36" fmla="*/ 1005566 w 6597829"/>
              <a:gd name="connsiteY36" fmla="*/ 517119 h 3718082"/>
              <a:gd name="connsiteX37" fmla="*/ 0 w 6597829"/>
              <a:gd name="connsiteY37" fmla="*/ 91196 h 3718082"/>
              <a:gd name="connsiteX38" fmla="*/ 974324 w 6597829"/>
              <a:gd name="connsiteY38" fmla="*/ 91196 h 3718082"/>
              <a:gd name="connsiteX39" fmla="*/ 2376856 w 6597829"/>
              <a:gd name="connsiteY39" fmla="*/ 1407138 h 3718082"/>
              <a:gd name="connsiteX40" fmla="*/ 974324 w 6597829"/>
              <a:gd name="connsiteY40" fmla="*/ 2723080 h 3718082"/>
              <a:gd name="connsiteX41" fmla="*/ 0 w 6597829"/>
              <a:gd name="connsiteY41" fmla="*/ 2723080 h 3718082"/>
              <a:gd name="connsiteX42" fmla="*/ 6196092 w 6597829"/>
              <a:gd name="connsiteY42" fmla="*/ 0 h 3718082"/>
              <a:gd name="connsiteX43" fmla="*/ 6504307 w 6597829"/>
              <a:gd name="connsiteY43" fmla="*/ 65828 h 3718082"/>
              <a:gd name="connsiteX44" fmla="*/ 6400386 w 6597829"/>
              <a:gd name="connsiteY44" fmla="*/ 436364 h 3718082"/>
              <a:gd name="connsiteX45" fmla="*/ 6227293 w 6597829"/>
              <a:gd name="connsiteY45" fmla="*/ 405163 h 3718082"/>
              <a:gd name="connsiteX46" fmla="*/ 5970996 w 6597829"/>
              <a:gd name="connsiteY46" fmla="*/ 689152 h 3718082"/>
              <a:gd name="connsiteX47" fmla="*/ 5970996 w 6597829"/>
              <a:gd name="connsiteY47" fmla="*/ 995043 h 3718082"/>
              <a:gd name="connsiteX48" fmla="*/ 6597829 w 6597829"/>
              <a:gd name="connsiteY48" fmla="*/ 995165 h 3718082"/>
              <a:gd name="connsiteX49" fmla="*/ 6597829 w 6597829"/>
              <a:gd name="connsiteY49" fmla="*/ 1369167 h 3718082"/>
              <a:gd name="connsiteX50" fmla="*/ 5970996 w 6597829"/>
              <a:gd name="connsiteY50" fmla="*/ 1369167 h 3718082"/>
              <a:gd name="connsiteX51" fmla="*/ 5970996 w 6597829"/>
              <a:gd name="connsiteY51" fmla="*/ 2723243 h 3718082"/>
              <a:gd name="connsiteX52" fmla="*/ 5513872 w 6597829"/>
              <a:gd name="connsiteY52" fmla="*/ 2723243 h 3718082"/>
              <a:gd name="connsiteX53" fmla="*/ 5513872 w 6597829"/>
              <a:gd name="connsiteY53" fmla="*/ 1369167 h 3718082"/>
              <a:gd name="connsiteX54" fmla="*/ 5255823 w 6597829"/>
              <a:gd name="connsiteY54" fmla="*/ 1369167 h 3718082"/>
              <a:gd name="connsiteX55" fmla="*/ 5255823 w 6597829"/>
              <a:gd name="connsiteY55" fmla="*/ 995165 h 3718082"/>
              <a:gd name="connsiteX56" fmla="*/ 5513872 w 6597829"/>
              <a:gd name="connsiteY56" fmla="*/ 995165 h 3718082"/>
              <a:gd name="connsiteX57" fmla="*/ 5513872 w 6597829"/>
              <a:gd name="connsiteY57" fmla="*/ 689274 h 3718082"/>
              <a:gd name="connsiteX58" fmla="*/ 6196092 w 6597829"/>
              <a:gd name="connsiteY58" fmla="*/ 0 h 371808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6597829" h="3718082">
                <a:moveTo>
                  <a:pt x="4742089" y="1672366"/>
                </a:moveTo>
                <a:lnTo>
                  <a:pt x="4075695" y="2338800"/>
                </a:lnTo>
                <a:cubicBezTo>
                  <a:pt x="4138912" y="2363973"/>
                  <a:pt x="4206331" y="2376820"/>
                  <a:pt x="4274361" y="2376649"/>
                </a:cubicBezTo>
                <a:cubicBezTo>
                  <a:pt x="4537550" y="2376649"/>
                  <a:pt x="4773045" y="2182877"/>
                  <a:pt x="4773045" y="1860672"/>
                </a:cubicBezTo>
                <a:lnTo>
                  <a:pt x="4773004" y="1860795"/>
                </a:lnTo>
                <a:cubicBezTo>
                  <a:pt x="4773331" y="1796696"/>
                  <a:pt x="4762890" y="1733002"/>
                  <a:pt x="4742089" y="1672366"/>
                </a:cubicBezTo>
                <a:close/>
                <a:moveTo>
                  <a:pt x="4274524" y="1344655"/>
                </a:moveTo>
                <a:cubicBezTo>
                  <a:pt x="4004239" y="1344655"/>
                  <a:pt x="3768784" y="1538467"/>
                  <a:pt x="3768784" y="1860672"/>
                </a:cubicBezTo>
                <a:lnTo>
                  <a:pt x="3768743" y="1860795"/>
                </a:lnTo>
                <a:cubicBezTo>
                  <a:pt x="3768458" y="1923926"/>
                  <a:pt x="3778613" y="1986671"/>
                  <a:pt x="3798802" y="2046491"/>
                </a:cubicBezTo>
                <a:lnTo>
                  <a:pt x="4464789" y="1380587"/>
                </a:lnTo>
                <a:cubicBezTo>
                  <a:pt x="4404181" y="1356732"/>
                  <a:pt x="4339658" y="1344541"/>
                  <a:pt x="4274524" y="1344655"/>
                </a:cubicBezTo>
                <a:close/>
                <a:moveTo>
                  <a:pt x="2620346" y="995042"/>
                </a:moveTo>
                <a:lnTo>
                  <a:pt x="3077470" y="995042"/>
                </a:lnTo>
                <a:lnTo>
                  <a:pt x="3077470" y="3028808"/>
                </a:lnTo>
                <a:cubicBezTo>
                  <a:pt x="3077470" y="3441026"/>
                  <a:pt x="2803880" y="3718082"/>
                  <a:pt x="2395251" y="3718082"/>
                </a:cubicBezTo>
                <a:cubicBezTo>
                  <a:pt x="2284436" y="3718082"/>
                  <a:pt x="2184023" y="3697118"/>
                  <a:pt x="2087035" y="3652254"/>
                </a:cubicBezTo>
                <a:lnTo>
                  <a:pt x="2190956" y="3281841"/>
                </a:lnTo>
                <a:cubicBezTo>
                  <a:pt x="2253235" y="3302641"/>
                  <a:pt x="2315556" y="3313001"/>
                  <a:pt x="2364050" y="3313001"/>
                </a:cubicBezTo>
                <a:cubicBezTo>
                  <a:pt x="2516465" y="3313001"/>
                  <a:pt x="2620346" y="3198720"/>
                  <a:pt x="2620346" y="3029053"/>
                </a:cubicBezTo>
                <a:close/>
                <a:moveTo>
                  <a:pt x="4917793" y="927542"/>
                </a:moveTo>
                <a:lnTo>
                  <a:pt x="5202394" y="1212184"/>
                </a:lnTo>
                <a:lnTo>
                  <a:pt x="5065559" y="1349264"/>
                </a:lnTo>
                <a:cubicBezTo>
                  <a:pt x="5160589" y="1491483"/>
                  <a:pt x="5216465" y="1664984"/>
                  <a:pt x="5216465" y="1860754"/>
                </a:cubicBezTo>
                <a:cubicBezTo>
                  <a:pt x="5216465" y="2404464"/>
                  <a:pt x="4786831" y="2775000"/>
                  <a:pt x="4274320" y="2775000"/>
                </a:cubicBezTo>
                <a:cubicBezTo>
                  <a:pt x="4090051" y="2775000"/>
                  <a:pt x="3917243" y="2728178"/>
                  <a:pt x="3770823" y="2643712"/>
                </a:cubicBezTo>
                <a:lnTo>
                  <a:pt x="3623995" y="2790539"/>
                </a:lnTo>
                <a:lnTo>
                  <a:pt x="3339313" y="2505979"/>
                </a:lnTo>
                <a:lnTo>
                  <a:pt x="3475659" y="2369634"/>
                </a:lnTo>
                <a:cubicBezTo>
                  <a:pt x="3380873" y="2228312"/>
                  <a:pt x="3325446" y="2055790"/>
                  <a:pt x="3325446" y="1860836"/>
                </a:cubicBezTo>
                <a:cubicBezTo>
                  <a:pt x="3325446" y="1317206"/>
                  <a:pt x="3754835" y="943163"/>
                  <a:pt x="4274279" y="943163"/>
                </a:cubicBezTo>
                <a:cubicBezTo>
                  <a:pt x="4455326" y="943163"/>
                  <a:pt x="4625891" y="990026"/>
                  <a:pt x="4770965" y="1074370"/>
                </a:cubicBezTo>
                <a:close/>
                <a:moveTo>
                  <a:pt x="470950" y="517119"/>
                </a:moveTo>
                <a:lnTo>
                  <a:pt x="470950" y="2297117"/>
                </a:lnTo>
                <a:lnTo>
                  <a:pt x="1005566" y="2297117"/>
                </a:lnTo>
                <a:cubicBezTo>
                  <a:pt x="1542262" y="2297117"/>
                  <a:pt x="1902521" y="1940449"/>
                  <a:pt x="1902521" y="1407138"/>
                </a:cubicBezTo>
                <a:cubicBezTo>
                  <a:pt x="1902521" y="873828"/>
                  <a:pt x="1542344" y="517119"/>
                  <a:pt x="1005566" y="517119"/>
                </a:cubicBezTo>
                <a:close/>
                <a:moveTo>
                  <a:pt x="0" y="91196"/>
                </a:moveTo>
                <a:lnTo>
                  <a:pt x="974324" y="91196"/>
                </a:lnTo>
                <a:cubicBezTo>
                  <a:pt x="1815852" y="91196"/>
                  <a:pt x="2376856" y="617573"/>
                  <a:pt x="2376856" y="1407138"/>
                </a:cubicBezTo>
                <a:cubicBezTo>
                  <a:pt x="2376856" y="2196704"/>
                  <a:pt x="1815852" y="2723080"/>
                  <a:pt x="974324" y="2723080"/>
                </a:cubicBezTo>
                <a:lnTo>
                  <a:pt x="0" y="2723080"/>
                </a:lnTo>
                <a:close/>
                <a:moveTo>
                  <a:pt x="6196092" y="0"/>
                </a:moveTo>
                <a:cubicBezTo>
                  <a:pt x="6306906" y="0"/>
                  <a:pt x="6407320" y="20964"/>
                  <a:pt x="6504307" y="65828"/>
                </a:cubicBezTo>
                <a:lnTo>
                  <a:pt x="6400386" y="436364"/>
                </a:lnTo>
                <a:cubicBezTo>
                  <a:pt x="6338106" y="415563"/>
                  <a:pt x="6275787" y="405163"/>
                  <a:pt x="6227293" y="405163"/>
                </a:cubicBezTo>
                <a:cubicBezTo>
                  <a:pt x="6074877" y="405163"/>
                  <a:pt x="5970996" y="519485"/>
                  <a:pt x="5970996" y="689152"/>
                </a:cubicBezTo>
                <a:lnTo>
                  <a:pt x="5970996" y="995043"/>
                </a:lnTo>
                <a:lnTo>
                  <a:pt x="6597829" y="995165"/>
                </a:lnTo>
                <a:lnTo>
                  <a:pt x="6597829" y="1369167"/>
                </a:lnTo>
                <a:lnTo>
                  <a:pt x="5970996" y="1369167"/>
                </a:lnTo>
                <a:lnTo>
                  <a:pt x="5970996" y="2723243"/>
                </a:lnTo>
                <a:lnTo>
                  <a:pt x="5513872" y="2723243"/>
                </a:lnTo>
                <a:lnTo>
                  <a:pt x="5513872" y="1369167"/>
                </a:lnTo>
                <a:lnTo>
                  <a:pt x="5255823" y="1369167"/>
                </a:lnTo>
                <a:lnTo>
                  <a:pt x="5255823" y="995165"/>
                </a:lnTo>
                <a:lnTo>
                  <a:pt x="5513872" y="995165"/>
                </a:lnTo>
                <a:lnTo>
                  <a:pt x="5513872" y="689274"/>
                </a:lnTo>
                <a:cubicBezTo>
                  <a:pt x="5513872" y="277056"/>
                  <a:pt x="5787461" y="0"/>
                  <a:pt x="6196092" y="0"/>
                </a:cubicBezTo>
                <a:close/>
              </a:path>
            </a:pathLst>
          </a:custGeom>
          <a:solidFill>
            <a:srgbClr val="FFFFFF"/>
          </a:solidFill>
        </p:spPr>
        <p:txBody>
          <a:bodyPr wrap="square"/>
          <a:lstStyle>
            <a:lvl1pPr marL="0" indent="0">
              <a:buNone/>
              <a:defRPr sz="100">
                <a:noFill/>
              </a:defRPr>
            </a:lvl1pPr>
            <a:lvl2pPr>
              <a:defRPr sz="100"/>
            </a:lvl2pPr>
            <a:lvl3pPr>
              <a:defRPr sz="100"/>
            </a:lvl3pPr>
            <a:lvl4pPr>
              <a:defRPr sz="100"/>
            </a:lvl4pPr>
            <a:lvl5pPr>
              <a:defRPr sz="100"/>
            </a:lvl5pPr>
          </a:lstStyle>
          <a:p>
            <a:pPr lvl="0"/>
            <a:r>
              <a:rPr lang="da-DK" noProof="0"/>
              <a:t>Klik for at redigere teksttypografierne i masteren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7EC5A36-24E9-D5F6-1132-7D33CFB6BDE8}"/>
              </a:ext>
            </a:extLst>
          </p:cNvPr>
          <p:cNvSpPr>
            <a:spLocks noGrp="1"/>
          </p:cNvSpPr>
          <p:nvPr>
            <p:ph type="dt" sz="half" idx="15"/>
          </p:nvPr>
        </p:nvSpPr>
        <p:spPr bwMode="white">
          <a:xfrm>
            <a:off x="303213" y="11231563"/>
            <a:ext cx="873125" cy="319087"/>
          </a:xfrm>
        </p:spPr>
        <p:txBody>
          <a:bodyPr anchor="b"/>
          <a:lstStyle>
            <a:lvl1pPr>
              <a:defRPr smtClean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2805EF88-7D6A-4689-AD26-9E7A14FCF4A6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C25F683-C56C-E908-2BAB-A80897F673F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 bwMode="white">
          <a:xfrm>
            <a:off x="1379538" y="11231563"/>
            <a:ext cx="2151062" cy="319087"/>
          </a:xfrm>
        </p:spPr>
        <p:txBody>
          <a:bodyPr anchor="b"/>
          <a:lstStyle>
            <a:lvl1pPr>
              <a:defRPr dirty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7" name="Slide Number Placeholder 14" hidden="1">
            <a:extLst>
              <a:ext uri="{FF2B5EF4-FFF2-40B4-BE49-F238E27FC236}">
                <a16:creationId xmlns:a16="http://schemas.microsoft.com/office/drawing/2014/main" id="{511822B3-3EB9-7CFB-71F2-9D38E3C3A07A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12192000"/>
            <a:ext cx="0" cy="0"/>
          </a:xfrm>
        </p:spPr>
        <p:txBody>
          <a:bodyPr/>
          <a:lstStyle>
            <a:lvl1pPr>
              <a:defRPr smtClean="0">
                <a:noFill/>
              </a:defRPr>
            </a:lvl1pPr>
          </a:lstStyle>
          <a:p>
            <a:pPr>
              <a:defRPr/>
            </a:pPr>
            <a:fld id="{17BB340D-CA32-4E55-8BA9-A9D8E1C1F547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316289311"/>
      </p:ext>
    </p:extLst>
  </p:cSld>
  <p:clrMapOvr>
    <a:masterClrMapping/>
  </p:clrMapOvr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RAPPORT Syv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ggrund">
            <a:extLst>
              <a:ext uri="{FF2B5EF4-FFF2-40B4-BE49-F238E27FC236}">
                <a16:creationId xmlns:a16="http://schemas.microsoft.com/office/drawing/2014/main" id="{6D9DA046-EC67-76C3-3FCA-BDBF0B7A9D7F}"/>
              </a:ext>
            </a:extLst>
          </p:cNvPr>
          <p:cNvSpPr/>
          <p:nvPr userDrawn="1"/>
        </p:nvSpPr>
        <p:spPr>
          <a:xfrm>
            <a:off x="0" y="0"/>
            <a:ext cx="6858000" cy="12192000"/>
          </a:xfrm>
          <a:prstGeom prst="rect">
            <a:avLst/>
          </a:prstGeom>
          <a:solidFill>
            <a:srgbClr val="EBE0C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20250" rIns="40500" bIns="2025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en-GB" sz="1125" dirty="0"/>
          </a:p>
        </p:txBody>
      </p:sp>
      <p:sp>
        <p:nvSpPr>
          <p:cNvPr id="6" name="Logo">
            <a:extLst>
              <a:ext uri="{FF2B5EF4-FFF2-40B4-BE49-F238E27FC236}">
                <a16:creationId xmlns:a16="http://schemas.microsoft.com/office/drawing/2014/main" id="{5E65DE9D-3019-4F54-0E75-687B4A25F55A}"/>
              </a:ext>
            </a:extLst>
          </p:cNvPr>
          <p:cNvSpPr/>
          <p:nvPr userDrawn="1"/>
        </p:nvSpPr>
        <p:spPr>
          <a:xfrm>
            <a:off x="6197600" y="639763"/>
            <a:ext cx="355600" cy="635000"/>
          </a:xfrm>
          <a:custGeom>
            <a:avLst/>
            <a:gdLst>
              <a:gd name="connsiteX0" fmla="*/ 3991223 w 5553123"/>
              <a:gd name="connsiteY0" fmla="*/ 1407246 h 3128654"/>
              <a:gd name="connsiteX1" fmla="*/ 3430346 w 5553123"/>
              <a:gd name="connsiteY1" fmla="*/ 1968030 h 3128654"/>
              <a:gd name="connsiteX2" fmla="*/ 3597555 w 5553123"/>
              <a:gd name="connsiteY2" fmla="*/ 1999879 h 3128654"/>
              <a:gd name="connsiteX3" fmla="*/ 4017277 w 5553123"/>
              <a:gd name="connsiteY3" fmla="*/ 1565700 h 3128654"/>
              <a:gd name="connsiteX4" fmla="*/ 4017243 w 5553123"/>
              <a:gd name="connsiteY4" fmla="*/ 1565803 h 3128654"/>
              <a:gd name="connsiteX5" fmla="*/ 3991223 w 5553123"/>
              <a:gd name="connsiteY5" fmla="*/ 1407246 h 3128654"/>
              <a:gd name="connsiteX6" fmla="*/ 3597692 w 5553123"/>
              <a:gd name="connsiteY6" fmla="*/ 1131487 h 3128654"/>
              <a:gd name="connsiteX7" fmla="*/ 3172031 w 5553123"/>
              <a:gd name="connsiteY7" fmla="*/ 1565700 h 3128654"/>
              <a:gd name="connsiteX8" fmla="*/ 3171997 w 5553123"/>
              <a:gd name="connsiteY8" fmla="*/ 1565803 h 3128654"/>
              <a:gd name="connsiteX9" fmla="*/ 3197296 w 5553123"/>
              <a:gd name="connsiteY9" fmla="*/ 1722061 h 3128654"/>
              <a:gd name="connsiteX10" fmla="*/ 3757830 w 5553123"/>
              <a:gd name="connsiteY10" fmla="*/ 1161723 h 3128654"/>
              <a:gd name="connsiteX11" fmla="*/ 3597692 w 5553123"/>
              <a:gd name="connsiteY11" fmla="*/ 1131487 h 3128654"/>
              <a:gd name="connsiteX12" fmla="*/ 2205438 w 5553123"/>
              <a:gd name="connsiteY12" fmla="*/ 837298 h 3128654"/>
              <a:gd name="connsiteX13" fmla="*/ 2590180 w 5553123"/>
              <a:gd name="connsiteY13" fmla="*/ 837298 h 3128654"/>
              <a:gd name="connsiteX14" fmla="*/ 2590180 w 5553123"/>
              <a:gd name="connsiteY14" fmla="*/ 2548651 h 3128654"/>
              <a:gd name="connsiteX15" fmla="*/ 2015984 w 5553123"/>
              <a:gd name="connsiteY15" fmla="*/ 3128654 h 3128654"/>
              <a:gd name="connsiteX16" fmla="*/ 1756572 w 5553123"/>
              <a:gd name="connsiteY16" fmla="*/ 3073262 h 3128654"/>
              <a:gd name="connsiteX17" fmla="*/ 1844038 w 5553123"/>
              <a:gd name="connsiteY17" fmla="*/ 2761571 h 3128654"/>
              <a:gd name="connsiteX18" fmla="*/ 1989724 w 5553123"/>
              <a:gd name="connsiteY18" fmla="*/ 2787791 h 3128654"/>
              <a:gd name="connsiteX19" fmla="*/ 2205438 w 5553123"/>
              <a:gd name="connsiteY19" fmla="*/ 2548857 h 3128654"/>
              <a:gd name="connsiteX20" fmla="*/ 4139105 w 5553123"/>
              <a:gd name="connsiteY20" fmla="*/ 780499 h 3128654"/>
              <a:gd name="connsiteX21" fmla="*/ 4378642 w 5553123"/>
              <a:gd name="connsiteY21" fmla="*/ 1020017 h 3128654"/>
              <a:gd name="connsiteX22" fmla="*/ 4263474 w 5553123"/>
              <a:gd name="connsiteY22" fmla="*/ 1135365 h 3128654"/>
              <a:gd name="connsiteX23" fmla="*/ 4390485 w 5553123"/>
              <a:gd name="connsiteY23" fmla="*/ 1565769 h 3128654"/>
              <a:gd name="connsiteX24" fmla="*/ 3597520 w 5553123"/>
              <a:gd name="connsiteY24" fmla="*/ 2335080 h 3128654"/>
              <a:gd name="connsiteX25" fmla="*/ 3173748 w 5553123"/>
              <a:gd name="connsiteY25" fmla="*/ 2224604 h 3128654"/>
              <a:gd name="connsiteX26" fmla="*/ 3050169 w 5553123"/>
              <a:gd name="connsiteY26" fmla="*/ 2348155 h 3128654"/>
              <a:gd name="connsiteX27" fmla="*/ 2810563 w 5553123"/>
              <a:gd name="connsiteY27" fmla="*/ 2108707 h 3128654"/>
              <a:gd name="connsiteX28" fmla="*/ 2925320 w 5553123"/>
              <a:gd name="connsiteY28" fmla="*/ 1993976 h 3128654"/>
              <a:gd name="connsiteX29" fmla="*/ 2798892 w 5553123"/>
              <a:gd name="connsiteY29" fmla="*/ 1565838 h 3128654"/>
              <a:gd name="connsiteX30" fmla="*/ 3597486 w 5553123"/>
              <a:gd name="connsiteY30" fmla="*/ 793644 h 3128654"/>
              <a:gd name="connsiteX31" fmla="*/ 4015526 w 5553123"/>
              <a:gd name="connsiteY31" fmla="*/ 904050 h 3128654"/>
              <a:gd name="connsiteX32" fmla="*/ 396379 w 5553123"/>
              <a:gd name="connsiteY32" fmla="*/ 435140 h 3128654"/>
              <a:gd name="connsiteX33" fmla="*/ 396379 w 5553123"/>
              <a:gd name="connsiteY33" fmla="*/ 1932956 h 3128654"/>
              <a:gd name="connsiteX34" fmla="*/ 846344 w 5553123"/>
              <a:gd name="connsiteY34" fmla="*/ 1932956 h 3128654"/>
              <a:gd name="connsiteX35" fmla="*/ 1601274 w 5553123"/>
              <a:gd name="connsiteY35" fmla="*/ 1184065 h 3128654"/>
              <a:gd name="connsiteX36" fmla="*/ 846344 w 5553123"/>
              <a:gd name="connsiteY36" fmla="*/ 435140 h 3128654"/>
              <a:gd name="connsiteX37" fmla="*/ 0 w 5553123"/>
              <a:gd name="connsiteY37" fmla="*/ 76739 h 3128654"/>
              <a:gd name="connsiteX38" fmla="*/ 820049 w 5553123"/>
              <a:gd name="connsiteY38" fmla="*/ 76739 h 3128654"/>
              <a:gd name="connsiteX39" fmla="*/ 2000502 w 5553123"/>
              <a:gd name="connsiteY39" fmla="*/ 1184065 h 3128654"/>
              <a:gd name="connsiteX40" fmla="*/ 820049 w 5553123"/>
              <a:gd name="connsiteY40" fmla="*/ 2291391 h 3128654"/>
              <a:gd name="connsiteX41" fmla="*/ 0 w 5553123"/>
              <a:gd name="connsiteY41" fmla="*/ 2291391 h 3128654"/>
              <a:gd name="connsiteX42" fmla="*/ 5214998 w 5553123"/>
              <a:gd name="connsiteY42" fmla="*/ 0 h 3128654"/>
              <a:gd name="connsiteX43" fmla="*/ 5474410 w 5553123"/>
              <a:gd name="connsiteY43" fmla="*/ 55393 h 3128654"/>
              <a:gd name="connsiteX44" fmla="*/ 5386944 w 5553123"/>
              <a:gd name="connsiteY44" fmla="*/ 367187 h 3128654"/>
              <a:gd name="connsiteX45" fmla="*/ 5241258 w 5553123"/>
              <a:gd name="connsiteY45" fmla="*/ 340932 h 3128654"/>
              <a:gd name="connsiteX46" fmla="*/ 5025544 w 5553123"/>
              <a:gd name="connsiteY46" fmla="*/ 579901 h 3128654"/>
              <a:gd name="connsiteX47" fmla="*/ 5025544 w 5553123"/>
              <a:gd name="connsiteY47" fmla="*/ 837299 h 3128654"/>
              <a:gd name="connsiteX48" fmla="*/ 5553123 w 5553123"/>
              <a:gd name="connsiteY48" fmla="*/ 837402 h 3128654"/>
              <a:gd name="connsiteX49" fmla="*/ 5553123 w 5553123"/>
              <a:gd name="connsiteY49" fmla="*/ 1152113 h 3128654"/>
              <a:gd name="connsiteX50" fmla="*/ 5025544 w 5553123"/>
              <a:gd name="connsiteY50" fmla="*/ 1152113 h 3128654"/>
              <a:gd name="connsiteX51" fmla="*/ 5025544 w 5553123"/>
              <a:gd name="connsiteY51" fmla="*/ 2291528 h 3128654"/>
              <a:gd name="connsiteX52" fmla="*/ 4640802 w 5553123"/>
              <a:gd name="connsiteY52" fmla="*/ 2291528 h 3128654"/>
              <a:gd name="connsiteX53" fmla="*/ 4640802 w 5553123"/>
              <a:gd name="connsiteY53" fmla="*/ 1152113 h 3128654"/>
              <a:gd name="connsiteX54" fmla="*/ 4423612 w 5553123"/>
              <a:gd name="connsiteY54" fmla="*/ 1152113 h 3128654"/>
              <a:gd name="connsiteX55" fmla="*/ 4423612 w 5553123"/>
              <a:gd name="connsiteY55" fmla="*/ 837402 h 3128654"/>
              <a:gd name="connsiteX56" fmla="*/ 4640802 w 5553123"/>
              <a:gd name="connsiteY56" fmla="*/ 837402 h 3128654"/>
              <a:gd name="connsiteX57" fmla="*/ 4640802 w 5553123"/>
              <a:gd name="connsiteY57" fmla="*/ 580004 h 3128654"/>
              <a:gd name="connsiteX58" fmla="*/ 5214998 w 5553123"/>
              <a:gd name="connsiteY58" fmla="*/ 0 h 31286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5553123" h="3128654">
                <a:moveTo>
                  <a:pt x="3991223" y="1407246"/>
                </a:moveTo>
                <a:lnTo>
                  <a:pt x="3430346" y="1968030"/>
                </a:lnTo>
                <a:cubicBezTo>
                  <a:pt x="3483553" y="1989213"/>
                  <a:pt x="3540297" y="2000023"/>
                  <a:pt x="3597555" y="1999879"/>
                </a:cubicBezTo>
                <a:cubicBezTo>
                  <a:pt x="3819070" y="1999879"/>
                  <a:pt x="4017277" y="1836826"/>
                  <a:pt x="4017277" y="1565700"/>
                </a:cubicBezTo>
                <a:lnTo>
                  <a:pt x="4017243" y="1565803"/>
                </a:lnTo>
                <a:cubicBezTo>
                  <a:pt x="4017518" y="1511866"/>
                  <a:pt x="4008729" y="1458269"/>
                  <a:pt x="3991223" y="1407246"/>
                </a:cubicBezTo>
                <a:close/>
                <a:moveTo>
                  <a:pt x="3597692" y="1131487"/>
                </a:moveTo>
                <a:cubicBezTo>
                  <a:pt x="3370204" y="1131487"/>
                  <a:pt x="3172031" y="1294574"/>
                  <a:pt x="3172031" y="1565700"/>
                </a:cubicBezTo>
                <a:lnTo>
                  <a:pt x="3171997" y="1565803"/>
                </a:lnTo>
                <a:cubicBezTo>
                  <a:pt x="3171757" y="1618927"/>
                  <a:pt x="3180304" y="1671724"/>
                  <a:pt x="3197296" y="1722061"/>
                </a:cubicBezTo>
                <a:lnTo>
                  <a:pt x="3757830" y="1161723"/>
                </a:lnTo>
                <a:cubicBezTo>
                  <a:pt x="3706819" y="1141649"/>
                  <a:pt x="3652513" y="1131391"/>
                  <a:pt x="3597692" y="1131487"/>
                </a:cubicBezTo>
                <a:close/>
                <a:moveTo>
                  <a:pt x="2205438" y="837298"/>
                </a:moveTo>
                <a:lnTo>
                  <a:pt x="2590180" y="837298"/>
                </a:lnTo>
                <a:lnTo>
                  <a:pt x="2590180" y="2548651"/>
                </a:lnTo>
                <a:cubicBezTo>
                  <a:pt x="2590180" y="2895520"/>
                  <a:pt x="2359911" y="3128654"/>
                  <a:pt x="2015984" y="3128654"/>
                </a:cubicBezTo>
                <a:cubicBezTo>
                  <a:pt x="1922717" y="3128654"/>
                  <a:pt x="1838202" y="3111014"/>
                  <a:pt x="1756572" y="3073262"/>
                </a:cubicBezTo>
                <a:lnTo>
                  <a:pt x="1844038" y="2761571"/>
                </a:lnTo>
                <a:cubicBezTo>
                  <a:pt x="1896456" y="2779074"/>
                  <a:pt x="1948909" y="2787791"/>
                  <a:pt x="1989724" y="2787791"/>
                </a:cubicBezTo>
                <a:cubicBezTo>
                  <a:pt x="2118006" y="2787791"/>
                  <a:pt x="2205438" y="2691627"/>
                  <a:pt x="2205438" y="2548857"/>
                </a:cubicBezTo>
                <a:close/>
                <a:moveTo>
                  <a:pt x="4139105" y="780499"/>
                </a:moveTo>
                <a:lnTo>
                  <a:pt x="4378642" y="1020017"/>
                </a:lnTo>
                <a:lnTo>
                  <a:pt x="4263474" y="1135365"/>
                </a:lnTo>
                <a:cubicBezTo>
                  <a:pt x="4343457" y="1255038"/>
                  <a:pt x="4390485" y="1401034"/>
                  <a:pt x="4390485" y="1565769"/>
                </a:cubicBezTo>
                <a:cubicBezTo>
                  <a:pt x="4390485" y="2023285"/>
                  <a:pt x="4028880" y="2335080"/>
                  <a:pt x="3597520" y="2335080"/>
                </a:cubicBezTo>
                <a:cubicBezTo>
                  <a:pt x="3442429" y="2335080"/>
                  <a:pt x="3296983" y="2295681"/>
                  <a:pt x="3173748" y="2224604"/>
                </a:cubicBezTo>
                <a:lnTo>
                  <a:pt x="3050169" y="2348155"/>
                </a:lnTo>
                <a:lnTo>
                  <a:pt x="2810563" y="2108707"/>
                </a:lnTo>
                <a:lnTo>
                  <a:pt x="2925320" y="1993976"/>
                </a:lnTo>
                <a:cubicBezTo>
                  <a:pt x="2845543" y="1875058"/>
                  <a:pt x="2798892" y="1729886"/>
                  <a:pt x="2798892" y="1565838"/>
                </a:cubicBezTo>
                <a:cubicBezTo>
                  <a:pt x="2798892" y="1108390"/>
                  <a:pt x="3160291" y="793644"/>
                  <a:pt x="3597486" y="793644"/>
                </a:cubicBezTo>
                <a:cubicBezTo>
                  <a:pt x="3749866" y="793644"/>
                  <a:pt x="3893424" y="833077"/>
                  <a:pt x="4015526" y="904050"/>
                </a:cubicBezTo>
                <a:close/>
                <a:moveTo>
                  <a:pt x="396379" y="435140"/>
                </a:moveTo>
                <a:lnTo>
                  <a:pt x="396379" y="1932956"/>
                </a:lnTo>
                <a:lnTo>
                  <a:pt x="846344" y="1932956"/>
                </a:lnTo>
                <a:cubicBezTo>
                  <a:pt x="1298059" y="1932956"/>
                  <a:pt x="1601274" y="1632830"/>
                  <a:pt x="1601274" y="1184065"/>
                </a:cubicBezTo>
                <a:cubicBezTo>
                  <a:pt x="1601274" y="735300"/>
                  <a:pt x="1298128" y="435140"/>
                  <a:pt x="846344" y="435140"/>
                </a:cubicBezTo>
                <a:close/>
                <a:moveTo>
                  <a:pt x="0" y="76739"/>
                </a:moveTo>
                <a:lnTo>
                  <a:pt x="820049" y="76739"/>
                </a:lnTo>
                <a:cubicBezTo>
                  <a:pt x="1528328" y="76739"/>
                  <a:pt x="2000502" y="519670"/>
                  <a:pt x="2000502" y="1184065"/>
                </a:cubicBezTo>
                <a:cubicBezTo>
                  <a:pt x="2000502" y="1848460"/>
                  <a:pt x="1528328" y="2291391"/>
                  <a:pt x="820049" y="2291391"/>
                </a:cubicBezTo>
                <a:lnTo>
                  <a:pt x="0" y="2291391"/>
                </a:lnTo>
                <a:close/>
                <a:moveTo>
                  <a:pt x="5214998" y="0"/>
                </a:moveTo>
                <a:cubicBezTo>
                  <a:pt x="5308265" y="0"/>
                  <a:pt x="5392780" y="17641"/>
                  <a:pt x="5474410" y="55393"/>
                </a:cubicBezTo>
                <a:lnTo>
                  <a:pt x="5386944" y="367187"/>
                </a:lnTo>
                <a:cubicBezTo>
                  <a:pt x="5334526" y="349684"/>
                  <a:pt x="5282074" y="340932"/>
                  <a:pt x="5241258" y="340932"/>
                </a:cubicBezTo>
                <a:cubicBezTo>
                  <a:pt x="5112976" y="340932"/>
                  <a:pt x="5025544" y="437131"/>
                  <a:pt x="5025544" y="579901"/>
                </a:cubicBezTo>
                <a:lnTo>
                  <a:pt x="5025544" y="837299"/>
                </a:lnTo>
                <a:lnTo>
                  <a:pt x="5553123" y="837402"/>
                </a:lnTo>
                <a:lnTo>
                  <a:pt x="5553123" y="1152113"/>
                </a:lnTo>
                <a:lnTo>
                  <a:pt x="5025544" y="1152113"/>
                </a:lnTo>
                <a:lnTo>
                  <a:pt x="5025544" y="2291528"/>
                </a:lnTo>
                <a:lnTo>
                  <a:pt x="4640802" y="2291528"/>
                </a:lnTo>
                <a:lnTo>
                  <a:pt x="4640802" y="1152113"/>
                </a:lnTo>
                <a:lnTo>
                  <a:pt x="4423612" y="1152113"/>
                </a:lnTo>
                <a:lnTo>
                  <a:pt x="4423612" y="837402"/>
                </a:lnTo>
                <a:lnTo>
                  <a:pt x="4640802" y="837402"/>
                </a:lnTo>
                <a:lnTo>
                  <a:pt x="4640802" y="580004"/>
                </a:lnTo>
                <a:cubicBezTo>
                  <a:pt x="4640802" y="233134"/>
                  <a:pt x="4871070" y="0"/>
                  <a:pt x="5214998" y="0"/>
                </a:cubicBezTo>
                <a:close/>
              </a:path>
            </a:pathLst>
          </a:custGeom>
          <a:solidFill>
            <a:srgbClr val="1D1D1B"/>
          </a:solidFill>
          <a:ln w="3432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03750" y="1599996"/>
            <a:ext cx="1410750" cy="4492800"/>
          </a:xfrm>
        </p:spPr>
        <p:txBody>
          <a:bodyPr/>
          <a:lstStyle>
            <a:lvl1pPr>
              <a:defRPr sz="1350"/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03750" y="6732800"/>
            <a:ext cx="1411425" cy="4492800"/>
          </a:xfrm>
        </p:spPr>
        <p:txBody>
          <a:bodyPr/>
          <a:lstStyle>
            <a:lvl1pPr>
              <a:defRPr sz="900"/>
            </a:lvl1pPr>
            <a:lvl2pPr>
              <a:defRPr sz="900"/>
            </a:lvl2pPr>
            <a:lvl3pPr>
              <a:defRPr sz="900"/>
            </a:lvl3pPr>
            <a:lvl4pPr>
              <a:defRPr sz="900"/>
            </a:lvl4pPr>
            <a:lvl5pPr>
              <a:defRPr sz="900"/>
            </a:lvl5pPr>
          </a:lstStyle>
          <a:p>
            <a:pPr lvl="0"/>
            <a:r>
              <a:rPr lang="da-DK" noProof="0"/>
              <a:t>Klik for at redigere teksttypografierne i masteren</a:t>
            </a:r>
          </a:p>
          <a:p>
            <a:pPr lvl="1"/>
            <a:r>
              <a:rPr lang="da-DK" noProof="0"/>
              <a:t>Andet niveau</a:t>
            </a:r>
          </a:p>
          <a:p>
            <a:pPr lvl="2"/>
            <a:r>
              <a:rPr lang="da-DK" noProof="0"/>
              <a:t>Tredje niveau</a:t>
            </a:r>
          </a:p>
          <a:p>
            <a:pPr lvl="3"/>
            <a:r>
              <a:rPr lang="da-DK" noProof="0"/>
              <a:t>Fjerde niveau</a:t>
            </a:r>
          </a:p>
        </p:txBody>
      </p:sp>
      <p:sp>
        <p:nvSpPr>
          <p:cNvPr id="7" name="Content Placeholder 3"/>
          <p:cNvSpPr>
            <a:spLocks noGrp="1"/>
          </p:cNvSpPr>
          <p:nvPr>
            <p:ph sz="half" idx="2"/>
          </p:nvPr>
        </p:nvSpPr>
        <p:spPr>
          <a:xfrm>
            <a:off x="1916310" y="1599998"/>
            <a:ext cx="1411425" cy="4492800"/>
          </a:xfrm>
        </p:spPr>
        <p:txBody>
          <a:bodyPr/>
          <a:lstStyle>
            <a:lvl1pPr>
              <a:defRPr sz="900"/>
            </a:lvl1pPr>
            <a:lvl2pPr>
              <a:defRPr sz="900"/>
            </a:lvl2pPr>
            <a:lvl3pPr>
              <a:defRPr sz="900"/>
            </a:lvl3pPr>
            <a:lvl4pPr>
              <a:defRPr sz="900"/>
            </a:lvl4pPr>
            <a:lvl5pPr>
              <a:defRPr sz="900"/>
            </a:lvl5pPr>
          </a:lstStyle>
          <a:p>
            <a:pPr lvl="0"/>
            <a:r>
              <a:rPr lang="da-DK" noProof="0"/>
              <a:t>Klik for at redigere teksttypografierne i masteren</a:t>
            </a:r>
          </a:p>
          <a:p>
            <a:pPr lvl="1"/>
            <a:r>
              <a:rPr lang="da-DK" noProof="0"/>
              <a:t>Andet niveau</a:t>
            </a:r>
          </a:p>
          <a:p>
            <a:pPr lvl="2"/>
            <a:r>
              <a:rPr lang="da-DK" noProof="0"/>
              <a:t>Tredje niveau</a:t>
            </a:r>
          </a:p>
          <a:p>
            <a:pPr lvl="3"/>
            <a:r>
              <a:rPr lang="da-DK" noProof="0"/>
              <a:t>Fjerde niveau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sz="quarter" idx="13"/>
          </p:nvPr>
        </p:nvSpPr>
        <p:spPr>
          <a:xfrm>
            <a:off x="1916310" y="6732800"/>
            <a:ext cx="1411425" cy="4492800"/>
          </a:xfrm>
        </p:spPr>
        <p:txBody>
          <a:bodyPr/>
          <a:lstStyle>
            <a:lvl1pPr>
              <a:defRPr sz="900"/>
            </a:lvl1pPr>
            <a:lvl2pPr>
              <a:defRPr sz="900"/>
            </a:lvl2pPr>
            <a:lvl3pPr>
              <a:defRPr sz="900"/>
            </a:lvl3pPr>
            <a:lvl4pPr>
              <a:defRPr sz="900"/>
            </a:lvl4pPr>
            <a:lvl5pPr>
              <a:defRPr sz="900"/>
            </a:lvl5pPr>
          </a:lstStyle>
          <a:p>
            <a:pPr lvl="0"/>
            <a:r>
              <a:rPr lang="da-DK" noProof="0"/>
              <a:t>Klik for at redigere teksttypografierne i masteren</a:t>
            </a:r>
          </a:p>
          <a:p>
            <a:pPr lvl="1"/>
            <a:r>
              <a:rPr lang="da-DK" noProof="0"/>
              <a:t>Andet niveau</a:t>
            </a:r>
          </a:p>
          <a:p>
            <a:pPr lvl="2"/>
            <a:r>
              <a:rPr lang="da-DK" noProof="0"/>
              <a:t>Tredje niveau</a:t>
            </a:r>
          </a:p>
          <a:p>
            <a:pPr lvl="3"/>
            <a:r>
              <a:rPr lang="da-DK" noProof="0"/>
              <a:t>Fjerde niveau</a:t>
            </a:r>
          </a:p>
        </p:txBody>
      </p:sp>
      <p:sp>
        <p:nvSpPr>
          <p:cNvPr id="11" name="Content Placeholder 10"/>
          <p:cNvSpPr>
            <a:spLocks noGrp="1"/>
          </p:cNvSpPr>
          <p:nvPr>
            <p:ph sz="quarter" idx="14"/>
          </p:nvPr>
        </p:nvSpPr>
        <p:spPr>
          <a:xfrm>
            <a:off x="3529906" y="1599998"/>
            <a:ext cx="1411425" cy="4492800"/>
          </a:xfrm>
        </p:spPr>
        <p:txBody>
          <a:bodyPr/>
          <a:lstStyle>
            <a:lvl1pPr>
              <a:defRPr sz="900"/>
            </a:lvl1pPr>
            <a:lvl2pPr>
              <a:defRPr sz="900"/>
            </a:lvl2pPr>
            <a:lvl3pPr>
              <a:defRPr sz="900"/>
            </a:lvl3pPr>
            <a:lvl4pPr>
              <a:defRPr sz="900"/>
            </a:lvl4pPr>
            <a:lvl5pPr>
              <a:defRPr sz="900"/>
            </a:lvl5pPr>
          </a:lstStyle>
          <a:p>
            <a:pPr lvl="0"/>
            <a:r>
              <a:rPr lang="da-DK" noProof="0"/>
              <a:t>Klik for at redigere teksttypografierne i masteren</a:t>
            </a:r>
          </a:p>
          <a:p>
            <a:pPr lvl="1"/>
            <a:r>
              <a:rPr lang="da-DK" noProof="0"/>
              <a:t>Andet niveau</a:t>
            </a:r>
          </a:p>
          <a:p>
            <a:pPr lvl="2"/>
            <a:r>
              <a:rPr lang="da-DK" noProof="0"/>
              <a:t>Tredje niveau</a:t>
            </a:r>
          </a:p>
          <a:p>
            <a:pPr lvl="3"/>
            <a:r>
              <a:rPr lang="da-DK" noProof="0"/>
              <a:t>Fjerde niveau</a:t>
            </a:r>
          </a:p>
        </p:txBody>
      </p:sp>
      <p:sp>
        <p:nvSpPr>
          <p:cNvPr id="13" name="Content Placeholder 12"/>
          <p:cNvSpPr>
            <a:spLocks noGrp="1"/>
          </p:cNvSpPr>
          <p:nvPr>
            <p:ph sz="quarter" idx="15"/>
          </p:nvPr>
        </p:nvSpPr>
        <p:spPr>
          <a:xfrm>
            <a:off x="3529906" y="6732800"/>
            <a:ext cx="1411425" cy="4492800"/>
          </a:xfrm>
        </p:spPr>
        <p:txBody>
          <a:bodyPr/>
          <a:lstStyle>
            <a:lvl1pPr>
              <a:defRPr sz="900"/>
            </a:lvl1pPr>
            <a:lvl2pPr>
              <a:defRPr sz="900"/>
            </a:lvl2pPr>
            <a:lvl3pPr>
              <a:defRPr sz="900"/>
            </a:lvl3pPr>
            <a:lvl4pPr>
              <a:defRPr sz="900"/>
            </a:lvl4pPr>
            <a:lvl5pPr>
              <a:defRPr sz="900"/>
            </a:lvl5pPr>
          </a:lstStyle>
          <a:p>
            <a:pPr lvl="0"/>
            <a:r>
              <a:rPr lang="da-DK" noProof="0"/>
              <a:t>Klik for at redigere teksttypografierne i masteren</a:t>
            </a:r>
          </a:p>
          <a:p>
            <a:pPr lvl="1"/>
            <a:r>
              <a:rPr lang="da-DK" noProof="0"/>
              <a:t>Andet niveau</a:t>
            </a:r>
          </a:p>
          <a:p>
            <a:pPr lvl="2"/>
            <a:r>
              <a:rPr lang="da-DK" noProof="0"/>
              <a:t>Tredje niveau</a:t>
            </a:r>
          </a:p>
          <a:p>
            <a:pPr lvl="3"/>
            <a:r>
              <a:rPr lang="da-DK" noProof="0"/>
              <a:t>Fjerde niveau</a:t>
            </a:r>
          </a:p>
        </p:txBody>
      </p:sp>
      <p:sp>
        <p:nvSpPr>
          <p:cNvPr id="15" name="Content Placeholder 14"/>
          <p:cNvSpPr>
            <a:spLocks noGrp="1"/>
          </p:cNvSpPr>
          <p:nvPr>
            <p:ph sz="quarter" idx="16"/>
          </p:nvPr>
        </p:nvSpPr>
        <p:spPr>
          <a:xfrm>
            <a:off x="5143502" y="1599998"/>
            <a:ext cx="1411425" cy="4492800"/>
          </a:xfrm>
        </p:spPr>
        <p:txBody>
          <a:bodyPr/>
          <a:lstStyle>
            <a:lvl1pPr>
              <a:defRPr sz="900"/>
            </a:lvl1pPr>
            <a:lvl2pPr>
              <a:defRPr sz="900"/>
            </a:lvl2pPr>
            <a:lvl3pPr>
              <a:defRPr sz="900"/>
            </a:lvl3pPr>
            <a:lvl4pPr>
              <a:defRPr sz="900"/>
            </a:lvl4pPr>
            <a:lvl5pPr>
              <a:defRPr sz="900"/>
            </a:lvl5pPr>
          </a:lstStyle>
          <a:p>
            <a:pPr lvl="0"/>
            <a:r>
              <a:rPr lang="da-DK" noProof="0"/>
              <a:t>Klik for at redigere teksttypografierne i masteren</a:t>
            </a:r>
          </a:p>
          <a:p>
            <a:pPr lvl="1"/>
            <a:r>
              <a:rPr lang="da-DK" noProof="0"/>
              <a:t>Andet niveau</a:t>
            </a:r>
          </a:p>
          <a:p>
            <a:pPr lvl="2"/>
            <a:r>
              <a:rPr lang="da-DK" noProof="0"/>
              <a:t>Tredje niveau</a:t>
            </a:r>
          </a:p>
          <a:p>
            <a:pPr lvl="3"/>
            <a:r>
              <a:rPr lang="da-DK" noProof="0"/>
              <a:t>Fjerde niveau</a:t>
            </a:r>
          </a:p>
        </p:txBody>
      </p:sp>
      <p:sp>
        <p:nvSpPr>
          <p:cNvPr id="19" name="Content Placeholder 18"/>
          <p:cNvSpPr>
            <a:spLocks noGrp="1"/>
          </p:cNvSpPr>
          <p:nvPr>
            <p:ph sz="quarter" idx="23"/>
          </p:nvPr>
        </p:nvSpPr>
        <p:spPr>
          <a:xfrm>
            <a:off x="5143502" y="6732800"/>
            <a:ext cx="1411425" cy="44928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</p:txBody>
      </p:sp>
      <p:sp>
        <p:nvSpPr>
          <p:cNvPr id="17" name="Text Placeholder notes"/>
          <p:cNvSpPr>
            <a:spLocks noGrp="1"/>
          </p:cNvSpPr>
          <p:nvPr>
            <p:ph type="body" sz="quarter" idx="17"/>
          </p:nvPr>
        </p:nvSpPr>
        <p:spPr>
          <a:xfrm>
            <a:off x="303750" y="11232001"/>
            <a:ext cx="6250856" cy="321289"/>
          </a:xfrm>
        </p:spPr>
        <p:txBody>
          <a:bodyPr anchor="b" anchorCtr="0"/>
          <a:lstStyle>
            <a:lvl1pPr marL="0" indent="0">
              <a:spcAft>
                <a:spcPts val="169"/>
              </a:spcAft>
              <a:buFont typeface="Arial" panose="020B0604020202020204" pitchFamily="34" charset="0"/>
              <a:buNone/>
              <a:defRPr sz="450" i="1"/>
            </a:lvl1pPr>
            <a:lvl2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2pPr>
            <a:lvl3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3pPr>
            <a:lvl4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4pPr>
            <a:lvl5pPr marL="0" indent="0">
              <a:buFont typeface="Arial" panose="020B0604020202020204" pitchFamily="34" charset="0"/>
              <a:buNone/>
              <a:defRPr/>
            </a:lvl5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8" name="Date Placeholder 23">
            <a:extLst>
              <a:ext uri="{FF2B5EF4-FFF2-40B4-BE49-F238E27FC236}">
                <a16:creationId xmlns:a16="http://schemas.microsoft.com/office/drawing/2014/main" id="{A455B185-AD21-5C9E-B2F0-F3C5EB224FD5}"/>
              </a:ext>
            </a:extLst>
          </p:cNvPr>
          <p:cNvSpPr>
            <a:spLocks noGrp="1"/>
          </p:cNvSpPr>
          <p:nvPr>
            <p:ph type="dt" sz="half" idx="24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68197806-0CD4-4A8D-858D-6DE61C32C3B4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9" name="Footer Placeholder 24">
            <a:extLst>
              <a:ext uri="{FF2B5EF4-FFF2-40B4-BE49-F238E27FC236}">
                <a16:creationId xmlns:a16="http://schemas.microsoft.com/office/drawing/2014/main" id="{829B27E5-1DC9-F11C-9D72-364F64793859}"/>
              </a:ext>
            </a:extLst>
          </p:cNvPr>
          <p:cNvSpPr>
            <a:spLocks noGrp="1"/>
          </p:cNvSpPr>
          <p:nvPr>
            <p:ph type="ftr" sz="quarter" idx="25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10" name="Slide Number Placeholder 25">
            <a:extLst>
              <a:ext uri="{FF2B5EF4-FFF2-40B4-BE49-F238E27FC236}">
                <a16:creationId xmlns:a16="http://schemas.microsoft.com/office/drawing/2014/main" id="{E8E2EE59-EF5F-1940-1F1C-ADAAF7B9115F}"/>
              </a:ext>
            </a:extLst>
          </p:cNvPr>
          <p:cNvSpPr>
            <a:spLocks noGrp="1"/>
          </p:cNvSpPr>
          <p:nvPr>
            <p:ph type="sldNum" sz="quarter" idx="26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AE16F94A-E927-48E4-83CE-BD9B23A180A6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064445676"/>
      </p:ext>
    </p:extLst>
  </p:cSld>
  <p:clrMapOvr>
    <a:masterClrMapping/>
  </p:clrMapOvr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5. elementer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ggrund">
            <a:extLst>
              <a:ext uri="{FF2B5EF4-FFF2-40B4-BE49-F238E27FC236}">
                <a16:creationId xmlns:a16="http://schemas.microsoft.com/office/drawing/2014/main" id="{3302C978-33A9-2067-E226-50814A2209BD}"/>
              </a:ext>
            </a:extLst>
          </p:cNvPr>
          <p:cNvSpPr/>
          <p:nvPr userDrawn="1"/>
        </p:nvSpPr>
        <p:spPr>
          <a:xfrm>
            <a:off x="0" y="0"/>
            <a:ext cx="6858000" cy="12192000"/>
          </a:xfrm>
          <a:prstGeom prst="rect">
            <a:avLst/>
          </a:prstGeom>
          <a:solidFill>
            <a:srgbClr val="EBE0C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20250" rIns="40500" bIns="2025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125" dirty="0"/>
          </a:p>
        </p:txBody>
      </p:sp>
      <p:sp>
        <p:nvSpPr>
          <p:cNvPr id="3" name="Logo">
            <a:extLst>
              <a:ext uri="{FF2B5EF4-FFF2-40B4-BE49-F238E27FC236}">
                <a16:creationId xmlns:a16="http://schemas.microsoft.com/office/drawing/2014/main" id="{EF3D6172-157E-5FFC-9554-8CC9FAA2FF86}"/>
              </a:ext>
            </a:extLst>
          </p:cNvPr>
          <p:cNvSpPr/>
          <p:nvPr userDrawn="1"/>
        </p:nvSpPr>
        <p:spPr>
          <a:xfrm>
            <a:off x="6197600" y="639763"/>
            <a:ext cx="355600" cy="635000"/>
          </a:xfrm>
          <a:custGeom>
            <a:avLst/>
            <a:gdLst>
              <a:gd name="connsiteX0" fmla="*/ 3991223 w 5553123"/>
              <a:gd name="connsiteY0" fmla="*/ 1407246 h 3128654"/>
              <a:gd name="connsiteX1" fmla="*/ 3430346 w 5553123"/>
              <a:gd name="connsiteY1" fmla="*/ 1968030 h 3128654"/>
              <a:gd name="connsiteX2" fmla="*/ 3597555 w 5553123"/>
              <a:gd name="connsiteY2" fmla="*/ 1999879 h 3128654"/>
              <a:gd name="connsiteX3" fmla="*/ 4017277 w 5553123"/>
              <a:gd name="connsiteY3" fmla="*/ 1565700 h 3128654"/>
              <a:gd name="connsiteX4" fmla="*/ 4017243 w 5553123"/>
              <a:gd name="connsiteY4" fmla="*/ 1565803 h 3128654"/>
              <a:gd name="connsiteX5" fmla="*/ 3991223 w 5553123"/>
              <a:gd name="connsiteY5" fmla="*/ 1407246 h 3128654"/>
              <a:gd name="connsiteX6" fmla="*/ 3597692 w 5553123"/>
              <a:gd name="connsiteY6" fmla="*/ 1131487 h 3128654"/>
              <a:gd name="connsiteX7" fmla="*/ 3172031 w 5553123"/>
              <a:gd name="connsiteY7" fmla="*/ 1565700 h 3128654"/>
              <a:gd name="connsiteX8" fmla="*/ 3171997 w 5553123"/>
              <a:gd name="connsiteY8" fmla="*/ 1565803 h 3128654"/>
              <a:gd name="connsiteX9" fmla="*/ 3197296 w 5553123"/>
              <a:gd name="connsiteY9" fmla="*/ 1722061 h 3128654"/>
              <a:gd name="connsiteX10" fmla="*/ 3757830 w 5553123"/>
              <a:gd name="connsiteY10" fmla="*/ 1161723 h 3128654"/>
              <a:gd name="connsiteX11" fmla="*/ 3597692 w 5553123"/>
              <a:gd name="connsiteY11" fmla="*/ 1131487 h 3128654"/>
              <a:gd name="connsiteX12" fmla="*/ 2205438 w 5553123"/>
              <a:gd name="connsiteY12" fmla="*/ 837298 h 3128654"/>
              <a:gd name="connsiteX13" fmla="*/ 2590180 w 5553123"/>
              <a:gd name="connsiteY13" fmla="*/ 837298 h 3128654"/>
              <a:gd name="connsiteX14" fmla="*/ 2590180 w 5553123"/>
              <a:gd name="connsiteY14" fmla="*/ 2548651 h 3128654"/>
              <a:gd name="connsiteX15" fmla="*/ 2015984 w 5553123"/>
              <a:gd name="connsiteY15" fmla="*/ 3128654 h 3128654"/>
              <a:gd name="connsiteX16" fmla="*/ 1756572 w 5553123"/>
              <a:gd name="connsiteY16" fmla="*/ 3073262 h 3128654"/>
              <a:gd name="connsiteX17" fmla="*/ 1844038 w 5553123"/>
              <a:gd name="connsiteY17" fmla="*/ 2761571 h 3128654"/>
              <a:gd name="connsiteX18" fmla="*/ 1989724 w 5553123"/>
              <a:gd name="connsiteY18" fmla="*/ 2787791 h 3128654"/>
              <a:gd name="connsiteX19" fmla="*/ 2205438 w 5553123"/>
              <a:gd name="connsiteY19" fmla="*/ 2548857 h 3128654"/>
              <a:gd name="connsiteX20" fmla="*/ 4139105 w 5553123"/>
              <a:gd name="connsiteY20" fmla="*/ 780499 h 3128654"/>
              <a:gd name="connsiteX21" fmla="*/ 4378642 w 5553123"/>
              <a:gd name="connsiteY21" fmla="*/ 1020017 h 3128654"/>
              <a:gd name="connsiteX22" fmla="*/ 4263474 w 5553123"/>
              <a:gd name="connsiteY22" fmla="*/ 1135365 h 3128654"/>
              <a:gd name="connsiteX23" fmla="*/ 4390485 w 5553123"/>
              <a:gd name="connsiteY23" fmla="*/ 1565769 h 3128654"/>
              <a:gd name="connsiteX24" fmla="*/ 3597520 w 5553123"/>
              <a:gd name="connsiteY24" fmla="*/ 2335080 h 3128654"/>
              <a:gd name="connsiteX25" fmla="*/ 3173748 w 5553123"/>
              <a:gd name="connsiteY25" fmla="*/ 2224604 h 3128654"/>
              <a:gd name="connsiteX26" fmla="*/ 3050169 w 5553123"/>
              <a:gd name="connsiteY26" fmla="*/ 2348155 h 3128654"/>
              <a:gd name="connsiteX27" fmla="*/ 2810563 w 5553123"/>
              <a:gd name="connsiteY27" fmla="*/ 2108707 h 3128654"/>
              <a:gd name="connsiteX28" fmla="*/ 2925320 w 5553123"/>
              <a:gd name="connsiteY28" fmla="*/ 1993976 h 3128654"/>
              <a:gd name="connsiteX29" fmla="*/ 2798892 w 5553123"/>
              <a:gd name="connsiteY29" fmla="*/ 1565838 h 3128654"/>
              <a:gd name="connsiteX30" fmla="*/ 3597486 w 5553123"/>
              <a:gd name="connsiteY30" fmla="*/ 793644 h 3128654"/>
              <a:gd name="connsiteX31" fmla="*/ 4015526 w 5553123"/>
              <a:gd name="connsiteY31" fmla="*/ 904050 h 3128654"/>
              <a:gd name="connsiteX32" fmla="*/ 396379 w 5553123"/>
              <a:gd name="connsiteY32" fmla="*/ 435140 h 3128654"/>
              <a:gd name="connsiteX33" fmla="*/ 396379 w 5553123"/>
              <a:gd name="connsiteY33" fmla="*/ 1932956 h 3128654"/>
              <a:gd name="connsiteX34" fmla="*/ 846344 w 5553123"/>
              <a:gd name="connsiteY34" fmla="*/ 1932956 h 3128654"/>
              <a:gd name="connsiteX35" fmla="*/ 1601274 w 5553123"/>
              <a:gd name="connsiteY35" fmla="*/ 1184065 h 3128654"/>
              <a:gd name="connsiteX36" fmla="*/ 846344 w 5553123"/>
              <a:gd name="connsiteY36" fmla="*/ 435140 h 3128654"/>
              <a:gd name="connsiteX37" fmla="*/ 0 w 5553123"/>
              <a:gd name="connsiteY37" fmla="*/ 76739 h 3128654"/>
              <a:gd name="connsiteX38" fmla="*/ 820049 w 5553123"/>
              <a:gd name="connsiteY38" fmla="*/ 76739 h 3128654"/>
              <a:gd name="connsiteX39" fmla="*/ 2000502 w 5553123"/>
              <a:gd name="connsiteY39" fmla="*/ 1184065 h 3128654"/>
              <a:gd name="connsiteX40" fmla="*/ 820049 w 5553123"/>
              <a:gd name="connsiteY40" fmla="*/ 2291391 h 3128654"/>
              <a:gd name="connsiteX41" fmla="*/ 0 w 5553123"/>
              <a:gd name="connsiteY41" fmla="*/ 2291391 h 3128654"/>
              <a:gd name="connsiteX42" fmla="*/ 5214998 w 5553123"/>
              <a:gd name="connsiteY42" fmla="*/ 0 h 3128654"/>
              <a:gd name="connsiteX43" fmla="*/ 5474410 w 5553123"/>
              <a:gd name="connsiteY43" fmla="*/ 55393 h 3128654"/>
              <a:gd name="connsiteX44" fmla="*/ 5386944 w 5553123"/>
              <a:gd name="connsiteY44" fmla="*/ 367187 h 3128654"/>
              <a:gd name="connsiteX45" fmla="*/ 5241258 w 5553123"/>
              <a:gd name="connsiteY45" fmla="*/ 340932 h 3128654"/>
              <a:gd name="connsiteX46" fmla="*/ 5025544 w 5553123"/>
              <a:gd name="connsiteY46" fmla="*/ 579901 h 3128654"/>
              <a:gd name="connsiteX47" fmla="*/ 5025544 w 5553123"/>
              <a:gd name="connsiteY47" fmla="*/ 837299 h 3128654"/>
              <a:gd name="connsiteX48" fmla="*/ 5553123 w 5553123"/>
              <a:gd name="connsiteY48" fmla="*/ 837402 h 3128654"/>
              <a:gd name="connsiteX49" fmla="*/ 5553123 w 5553123"/>
              <a:gd name="connsiteY49" fmla="*/ 1152113 h 3128654"/>
              <a:gd name="connsiteX50" fmla="*/ 5025544 w 5553123"/>
              <a:gd name="connsiteY50" fmla="*/ 1152113 h 3128654"/>
              <a:gd name="connsiteX51" fmla="*/ 5025544 w 5553123"/>
              <a:gd name="connsiteY51" fmla="*/ 2291528 h 3128654"/>
              <a:gd name="connsiteX52" fmla="*/ 4640802 w 5553123"/>
              <a:gd name="connsiteY52" fmla="*/ 2291528 h 3128654"/>
              <a:gd name="connsiteX53" fmla="*/ 4640802 w 5553123"/>
              <a:gd name="connsiteY53" fmla="*/ 1152113 h 3128654"/>
              <a:gd name="connsiteX54" fmla="*/ 4423612 w 5553123"/>
              <a:gd name="connsiteY54" fmla="*/ 1152113 h 3128654"/>
              <a:gd name="connsiteX55" fmla="*/ 4423612 w 5553123"/>
              <a:gd name="connsiteY55" fmla="*/ 837402 h 3128654"/>
              <a:gd name="connsiteX56" fmla="*/ 4640802 w 5553123"/>
              <a:gd name="connsiteY56" fmla="*/ 837402 h 3128654"/>
              <a:gd name="connsiteX57" fmla="*/ 4640802 w 5553123"/>
              <a:gd name="connsiteY57" fmla="*/ 580004 h 3128654"/>
              <a:gd name="connsiteX58" fmla="*/ 5214998 w 5553123"/>
              <a:gd name="connsiteY58" fmla="*/ 0 h 31286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5553123" h="3128654">
                <a:moveTo>
                  <a:pt x="3991223" y="1407246"/>
                </a:moveTo>
                <a:lnTo>
                  <a:pt x="3430346" y="1968030"/>
                </a:lnTo>
                <a:cubicBezTo>
                  <a:pt x="3483553" y="1989213"/>
                  <a:pt x="3540297" y="2000023"/>
                  <a:pt x="3597555" y="1999879"/>
                </a:cubicBezTo>
                <a:cubicBezTo>
                  <a:pt x="3819070" y="1999879"/>
                  <a:pt x="4017277" y="1836826"/>
                  <a:pt x="4017277" y="1565700"/>
                </a:cubicBezTo>
                <a:lnTo>
                  <a:pt x="4017243" y="1565803"/>
                </a:lnTo>
                <a:cubicBezTo>
                  <a:pt x="4017518" y="1511866"/>
                  <a:pt x="4008729" y="1458269"/>
                  <a:pt x="3991223" y="1407246"/>
                </a:cubicBezTo>
                <a:close/>
                <a:moveTo>
                  <a:pt x="3597692" y="1131487"/>
                </a:moveTo>
                <a:cubicBezTo>
                  <a:pt x="3370204" y="1131487"/>
                  <a:pt x="3172031" y="1294574"/>
                  <a:pt x="3172031" y="1565700"/>
                </a:cubicBezTo>
                <a:lnTo>
                  <a:pt x="3171997" y="1565803"/>
                </a:lnTo>
                <a:cubicBezTo>
                  <a:pt x="3171757" y="1618927"/>
                  <a:pt x="3180304" y="1671724"/>
                  <a:pt x="3197296" y="1722061"/>
                </a:cubicBezTo>
                <a:lnTo>
                  <a:pt x="3757830" y="1161723"/>
                </a:lnTo>
                <a:cubicBezTo>
                  <a:pt x="3706819" y="1141649"/>
                  <a:pt x="3652513" y="1131391"/>
                  <a:pt x="3597692" y="1131487"/>
                </a:cubicBezTo>
                <a:close/>
                <a:moveTo>
                  <a:pt x="2205438" y="837298"/>
                </a:moveTo>
                <a:lnTo>
                  <a:pt x="2590180" y="837298"/>
                </a:lnTo>
                <a:lnTo>
                  <a:pt x="2590180" y="2548651"/>
                </a:lnTo>
                <a:cubicBezTo>
                  <a:pt x="2590180" y="2895520"/>
                  <a:pt x="2359911" y="3128654"/>
                  <a:pt x="2015984" y="3128654"/>
                </a:cubicBezTo>
                <a:cubicBezTo>
                  <a:pt x="1922717" y="3128654"/>
                  <a:pt x="1838202" y="3111014"/>
                  <a:pt x="1756572" y="3073262"/>
                </a:cubicBezTo>
                <a:lnTo>
                  <a:pt x="1844038" y="2761571"/>
                </a:lnTo>
                <a:cubicBezTo>
                  <a:pt x="1896456" y="2779074"/>
                  <a:pt x="1948909" y="2787791"/>
                  <a:pt x="1989724" y="2787791"/>
                </a:cubicBezTo>
                <a:cubicBezTo>
                  <a:pt x="2118006" y="2787791"/>
                  <a:pt x="2205438" y="2691627"/>
                  <a:pt x="2205438" y="2548857"/>
                </a:cubicBezTo>
                <a:close/>
                <a:moveTo>
                  <a:pt x="4139105" y="780499"/>
                </a:moveTo>
                <a:lnTo>
                  <a:pt x="4378642" y="1020017"/>
                </a:lnTo>
                <a:lnTo>
                  <a:pt x="4263474" y="1135365"/>
                </a:lnTo>
                <a:cubicBezTo>
                  <a:pt x="4343457" y="1255038"/>
                  <a:pt x="4390485" y="1401034"/>
                  <a:pt x="4390485" y="1565769"/>
                </a:cubicBezTo>
                <a:cubicBezTo>
                  <a:pt x="4390485" y="2023285"/>
                  <a:pt x="4028880" y="2335080"/>
                  <a:pt x="3597520" y="2335080"/>
                </a:cubicBezTo>
                <a:cubicBezTo>
                  <a:pt x="3442429" y="2335080"/>
                  <a:pt x="3296983" y="2295681"/>
                  <a:pt x="3173748" y="2224604"/>
                </a:cubicBezTo>
                <a:lnTo>
                  <a:pt x="3050169" y="2348155"/>
                </a:lnTo>
                <a:lnTo>
                  <a:pt x="2810563" y="2108707"/>
                </a:lnTo>
                <a:lnTo>
                  <a:pt x="2925320" y="1993976"/>
                </a:lnTo>
                <a:cubicBezTo>
                  <a:pt x="2845543" y="1875058"/>
                  <a:pt x="2798892" y="1729886"/>
                  <a:pt x="2798892" y="1565838"/>
                </a:cubicBezTo>
                <a:cubicBezTo>
                  <a:pt x="2798892" y="1108390"/>
                  <a:pt x="3160291" y="793644"/>
                  <a:pt x="3597486" y="793644"/>
                </a:cubicBezTo>
                <a:cubicBezTo>
                  <a:pt x="3749866" y="793644"/>
                  <a:pt x="3893424" y="833077"/>
                  <a:pt x="4015526" y="904050"/>
                </a:cubicBezTo>
                <a:close/>
                <a:moveTo>
                  <a:pt x="396379" y="435140"/>
                </a:moveTo>
                <a:lnTo>
                  <a:pt x="396379" y="1932956"/>
                </a:lnTo>
                <a:lnTo>
                  <a:pt x="846344" y="1932956"/>
                </a:lnTo>
                <a:cubicBezTo>
                  <a:pt x="1298059" y="1932956"/>
                  <a:pt x="1601274" y="1632830"/>
                  <a:pt x="1601274" y="1184065"/>
                </a:cubicBezTo>
                <a:cubicBezTo>
                  <a:pt x="1601274" y="735300"/>
                  <a:pt x="1298128" y="435140"/>
                  <a:pt x="846344" y="435140"/>
                </a:cubicBezTo>
                <a:close/>
                <a:moveTo>
                  <a:pt x="0" y="76739"/>
                </a:moveTo>
                <a:lnTo>
                  <a:pt x="820049" y="76739"/>
                </a:lnTo>
                <a:cubicBezTo>
                  <a:pt x="1528328" y="76739"/>
                  <a:pt x="2000502" y="519670"/>
                  <a:pt x="2000502" y="1184065"/>
                </a:cubicBezTo>
                <a:cubicBezTo>
                  <a:pt x="2000502" y="1848460"/>
                  <a:pt x="1528328" y="2291391"/>
                  <a:pt x="820049" y="2291391"/>
                </a:cubicBezTo>
                <a:lnTo>
                  <a:pt x="0" y="2291391"/>
                </a:lnTo>
                <a:close/>
                <a:moveTo>
                  <a:pt x="5214998" y="0"/>
                </a:moveTo>
                <a:cubicBezTo>
                  <a:pt x="5308265" y="0"/>
                  <a:pt x="5392780" y="17641"/>
                  <a:pt x="5474410" y="55393"/>
                </a:cubicBezTo>
                <a:lnTo>
                  <a:pt x="5386944" y="367187"/>
                </a:lnTo>
                <a:cubicBezTo>
                  <a:pt x="5334526" y="349684"/>
                  <a:pt x="5282074" y="340932"/>
                  <a:pt x="5241258" y="340932"/>
                </a:cubicBezTo>
                <a:cubicBezTo>
                  <a:pt x="5112976" y="340932"/>
                  <a:pt x="5025544" y="437131"/>
                  <a:pt x="5025544" y="579901"/>
                </a:cubicBezTo>
                <a:lnTo>
                  <a:pt x="5025544" y="837299"/>
                </a:lnTo>
                <a:lnTo>
                  <a:pt x="5553123" y="837402"/>
                </a:lnTo>
                <a:lnTo>
                  <a:pt x="5553123" y="1152113"/>
                </a:lnTo>
                <a:lnTo>
                  <a:pt x="5025544" y="1152113"/>
                </a:lnTo>
                <a:lnTo>
                  <a:pt x="5025544" y="2291528"/>
                </a:lnTo>
                <a:lnTo>
                  <a:pt x="4640802" y="2291528"/>
                </a:lnTo>
                <a:lnTo>
                  <a:pt x="4640802" y="1152113"/>
                </a:lnTo>
                <a:lnTo>
                  <a:pt x="4423612" y="1152113"/>
                </a:lnTo>
                <a:lnTo>
                  <a:pt x="4423612" y="837402"/>
                </a:lnTo>
                <a:lnTo>
                  <a:pt x="4640802" y="837402"/>
                </a:lnTo>
                <a:lnTo>
                  <a:pt x="4640802" y="580004"/>
                </a:lnTo>
                <a:cubicBezTo>
                  <a:pt x="4640802" y="233134"/>
                  <a:pt x="4871070" y="0"/>
                  <a:pt x="5214998" y="0"/>
                </a:cubicBezTo>
                <a:close/>
              </a:path>
            </a:pathLst>
          </a:custGeom>
          <a:solidFill>
            <a:srgbClr val="1D1D1B"/>
          </a:solidFill>
          <a:ln w="3432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03750" y="1600000"/>
            <a:ext cx="1948458" cy="9951356"/>
          </a:xfrm>
        </p:spPr>
        <p:txBody>
          <a:bodyPr/>
          <a:lstStyle>
            <a:lvl1pPr>
              <a:defRPr sz="1350"/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13" name="Element 1 Text Placeholder 5"/>
          <p:cNvSpPr>
            <a:spLocks noGrp="1" noChangeAspect="1"/>
          </p:cNvSpPr>
          <p:nvPr>
            <p:ph type="body" sz="quarter" idx="27"/>
          </p:nvPr>
        </p:nvSpPr>
        <p:spPr>
          <a:xfrm>
            <a:off x="3000375" y="6096000"/>
            <a:ext cx="1928813" cy="6096000"/>
          </a:xfrm>
          <a:solidFill>
            <a:schemeClr val="accent1"/>
          </a:solidFill>
        </p:spPr>
        <p:txBody>
          <a:bodyPr lIns="540000" tIns="360000" rIns="360000" bIns="360000" anchor="ctr" anchorCtr="0"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  <a:latin typeface="+mn-lt"/>
              </a:defRPr>
            </a:lvl1pPr>
            <a:lvl2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  <a:latin typeface="+mn-lt"/>
              </a:defRPr>
            </a:lvl2pPr>
            <a:lvl3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  <a:latin typeface="+mn-lt"/>
              </a:defRPr>
            </a:lvl3pPr>
            <a:lvl4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250" b="1">
                <a:solidFill>
                  <a:schemeClr val="bg1"/>
                </a:solidFill>
                <a:latin typeface="+mn-lt"/>
              </a:defRPr>
            </a:lvl4pPr>
            <a:lvl5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250" b="1">
                <a:solidFill>
                  <a:schemeClr val="bg1"/>
                </a:solidFill>
                <a:latin typeface="+mn-lt"/>
              </a:defRPr>
            </a:lvl5pPr>
            <a:lvl6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  <a:latin typeface="+mn-lt"/>
              </a:defRPr>
            </a:lvl6pPr>
            <a:lvl7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250" b="1">
                <a:solidFill>
                  <a:schemeClr val="bg1"/>
                </a:solidFill>
                <a:latin typeface="+mn-lt"/>
              </a:defRPr>
            </a:lvl7pPr>
            <a:lvl8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250" b="1">
                <a:solidFill>
                  <a:schemeClr val="bg1"/>
                </a:solidFill>
                <a:latin typeface="+mn-lt"/>
              </a:defRPr>
            </a:lvl8pPr>
            <a:lvl9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250" b="1">
                <a:solidFill>
                  <a:schemeClr val="bg1"/>
                </a:solidFill>
                <a:latin typeface="+mn-lt"/>
              </a:defRPr>
            </a:lvl9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14" name="Element 2 Text Placeholder 9"/>
          <p:cNvSpPr>
            <a:spLocks noGrp="1"/>
          </p:cNvSpPr>
          <p:nvPr>
            <p:ph type="body" sz="quarter" idx="28"/>
          </p:nvPr>
        </p:nvSpPr>
        <p:spPr>
          <a:xfrm>
            <a:off x="4929187" y="6096000"/>
            <a:ext cx="1928813" cy="6096000"/>
          </a:xfrm>
          <a:prstGeom prst="ellipse">
            <a:avLst/>
          </a:prstGeom>
          <a:solidFill>
            <a:schemeClr val="accent2"/>
          </a:solidFill>
        </p:spPr>
        <p:txBody>
          <a:bodyPr lIns="90000" tIns="360000" rIns="90000" bIns="360000" anchor="ctr" anchorCtr="0"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</a:defRPr>
            </a:lvl1pPr>
            <a:lvl2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</a:defRPr>
            </a:lvl2pPr>
            <a:lvl3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</a:defRPr>
            </a:lvl3pPr>
            <a:lvl4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</a:defRPr>
            </a:lvl4pPr>
            <a:lvl5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</a:defRPr>
            </a:lvl5pPr>
            <a:lvl6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</a:defRPr>
            </a:lvl6pPr>
            <a:lvl7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</a:defRPr>
            </a:lvl7pPr>
            <a:lvl8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</a:defRPr>
            </a:lvl8pPr>
            <a:lvl9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</a:defRPr>
            </a:lvl9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5" name="Date Placeholder 23">
            <a:extLst>
              <a:ext uri="{FF2B5EF4-FFF2-40B4-BE49-F238E27FC236}">
                <a16:creationId xmlns:a16="http://schemas.microsoft.com/office/drawing/2014/main" id="{FF8F42CF-EA8C-226E-8903-47C5335F7F3B}"/>
              </a:ext>
            </a:extLst>
          </p:cNvPr>
          <p:cNvSpPr>
            <a:spLocks noGrp="1"/>
          </p:cNvSpPr>
          <p:nvPr>
            <p:ph type="dt" sz="half" idx="29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82873421-1119-4370-97EF-6B55DB9D126C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6" name="Slide Number Placeholder 25">
            <a:extLst>
              <a:ext uri="{FF2B5EF4-FFF2-40B4-BE49-F238E27FC236}">
                <a16:creationId xmlns:a16="http://schemas.microsoft.com/office/drawing/2014/main" id="{1C57447E-43BC-05F8-23A9-E8A15EA484C0}"/>
              </a:ext>
            </a:extLst>
          </p:cNvPr>
          <p:cNvSpPr>
            <a:spLocks noGrp="1"/>
          </p:cNvSpPr>
          <p:nvPr>
            <p:ph type="sldNum" sz="quarter" idx="3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4F209626-2F08-4321-B4C4-C886BCAE1E72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Footer Placeholder 1">
            <a:extLst>
              <a:ext uri="{FF2B5EF4-FFF2-40B4-BE49-F238E27FC236}">
                <a16:creationId xmlns:a16="http://schemas.microsoft.com/office/drawing/2014/main" id="{8297DF48-DD5D-F96C-7CFE-31B1BAC0A81C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023958535"/>
      </p:ext>
    </p:extLst>
  </p:cSld>
  <p:clrMapOvr>
    <a:masterClrMapping/>
  </p:clrMapOvr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5. elementer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ggrund">
            <a:extLst>
              <a:ext uri="{FF2B5EF4-FFF2-40B4-BE49-F238E27FC236}">
                <a16:creationId xmlns:a16="http://schemas.microsoft.com/office/drawing/2014/main" id="{E24671AF-BA52-C005-FF8D-1EA9A8F17599}"/>
              </a:ext>
            </a:extLst>
          </p:cNvPr>
          <p:cNvSpPr/>
          <p:nvPr userDrawn="1"/>
        </p:nvSpPr>
        <p:spPr>
          <a:xfrm>
            <a:off x="0" y="0"/>
            <a:ext cx="6858000" cy="12192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20250" rIns="40500" bIns="2025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125" dirty="0"/>
          </a:p>
        </p:txBody>
      </p:sp>
      <p:sp>
        <p:nvSpPr>
          <p:cNvPr id="3" name="Logo">
            <a:extLst>
              <a:ext uri="{FF2B5EF4-FFF2-40B4-BE49-F238E27FC236}">
                <a16:creationId xmlns:a16="http://schemas.microsoft.com/office/drawing/2014/main" id="{1699FF99-2343-E471-38D5-0DDB81FF7355}"/>
              </a:ext>
            </a:extLst>
          </p:cNvPr>
          <p:cNvSpPr/>
          <p:nvPr userDrawn="1"/>
        </p:nvSpPr>
        <p:spPr>
          <a:xfrm>
            <a:off x="6197600" y="639763"/>
            <a:ext cx="355600" cy="635000"/>
          </a:xfrm>
          <a:custGeom>
            <a:avLst/>
            <a:gdLst>
              <a:gd name="connsiteX0" fmla="*/ 3991223 w 5553123"/>
              <a:gd name="connsiteY0" fmla="*/ 1407246 h 3128654"/>
              <a:gd name="connsiteX1" fmla="*/ 3430346 w 5553123"/>
              <a:gd name="connsiteY1" fmla="*/ 1968030 h 3128654"/>
              <a:gd name="connsiteX2" fmla="*/ 3597555 w 5553123"/>
              <a:gd name="connsiteY2" fmla="*/ 1999879 h 3128654"/>
              <a:gd name="connsiteX3" fmla="*/ 4017277 w 5553123"/>
              <a:gd name="connsiteY3" fmla="*/ 1565700 h 3128654"/>
              <a:gd name="connsiteX4" fmla="*/ 4017243 w 5553123"/>
              <a:gd name="connsiteY4" fmla="*/ 1565803 h 3128654"/>
              <a:gd name="connsiteX5" fmla="*/ 3991223 w 5553123"/>
              <a:gd name="connsiteY5" fmla="*/ 1407246 h 3128654"/>
              <a:gd name="connsiteX6" fmla="*/ 3597692 w 5553123"/>
              <a:gd name="connsiteY6" fmla="*/ 1131487 h 3128654"/>
              <a:gd name="connsiteX7" fmla="*/ 3172031 w 5553123"/>
              <a:gd name="connsiteY7" fmla="*/ 1565700 h 3128654"/>
              <a:gd name="connsiteX8" fmla="*/ 3171997 w 5553123"/>
              <a:gd name="connsiteY8" fmla="*/ 1565803 h 3128654"/>
              <a:gd name="connsiteX9" fmla="*/ 3197296 w 5553123"/>
              <a:gd name="connsiteY9" fmla="*/ 1722061 h 3128654"/>
              <a:gd name="connsiteX10" fmla="*/ 3757830 w 5553123"/>
              <a:gd name="connsiteY10" fmla="*/ 1161723 h 3128654"/>
              <a:gd name="connsiteX11" fmla="*/ 3597692 w 5553123"/>
              <a:gd name="connsiteY11" fmla="*/ 1131487 h 3128654"/>
              <a:gd name="connsiteX12" fmla="*/ 2205438 w 5553123"/>
              <a:gd name="connsiteY12" fmla="*/ 837298 h 3128654"/>
              <a:gd name="connsiteX13" fmla="*/ 2590180 w 5553123"/>
              <a:gd name="connsiteY13" fmla="*/ 837298 h 3128654"/>
              <a:gd name="connsiteX14" fmla="*/ 2590180 w 5553123"/>
              <a:gd name="connsiteY14" fmla="*/ 2548651 h 3128654"/>
              <a:gd name="connsiteX15" fmla="*/ 2015984 w 5553123"/>
              <a:gd name="connsiteY15" fmla="*/ 3128654 h 3128654"/>
              <a:gd name="connsiteX16" fmla="*/ 1756572 w 5553123"/>
              <a:gd name="connsiteY16" fmla="*/ 3073262 h 3128654"/>
              <a:gd name="connsiteX17" fmla="*/ 1844038 w 5553123"/>
              <a:gd name="connsiteY17" fmla="*/ 2761571 h 3128654"/>
              <a:gd name="connsiteX18" fmla="*/ 1989724 w 5553123"/>
              <a:gd name="connsiteY18" fmla="*/ 2787791 h 3128654"/>
              <a:gd name="connsiteX19" fmla="*/ 2205438 w 5553123"/>
              <a:gd name="connsiteY19" fmla="*/ 2548857 h 3128654"/>
              <a:gd name="connsiteX20" fmla="*/ 4139105 w 5553123"/>
              <a:gd name="connsiteY20" fmla="*/ 780499 h 3128654"/>
              <a:gd name="connsiteX21" fmla="*/ 4378642 w 5553123"/>
              <a:gd name="connsiteY21" fmla="*/ 1020017 h 3128654"/>
              <a:gd name="connsiteX22" fmla="*/ 4263474 w 5553123"/>
              <a:gd name="connsiteY22" fmla="*/ 1135365 h 3128654"/>
              <a:gd name="connsiteX23" fmla="*/ 4390485 w 5553123"/>
              <a:gd name="connsiteY23" fmla="*/ 1565769 h 3128654"/>
              <a:gd name="connsiteX24" fmla="*/ 3597520 w 5553123"/>
              <a:gd name="connsiteY24" fmla="*/ 2335080 h 3128654"/>
              <a:gd name="connsiteX25" fmla="*/ 3173748 w 5553123"/>
              <a:gd name="connsiteY25" fmla="*/ 2224604 h 3128654"/>
              <a:gd name="connsiteX26" fmla="*/ 3050169 w 5553123"/>
              <a:gd name="connsiteY26" fmla="*/ 2348155 h 3128654"/>
              <a:gd name="connsiteX27" fmla="*/ 2810563 w 5553123"/>
              <a:gd name="connsiteY27" fmla="*/ 2108707 h 3128654"/>
              <a:gd name="connsiteX28" fmla="*/ 2925320 w 5553123"/>
              <a:gd name="connsiteY28" fmla="*/ 1993976 h 3128654"/>
              <a:gd name="connsiteX29" fmla="*/ 2798892 w 5553123"/>
              <a:gd name="connsiteY29" fmla="*/ 1565838 h 3128654"/>
              <a:gd name="connsiteX30" fmla="*/ 3597486 w 5553123"/>
              <a:gd name="connsiteY30" fmla="*/ 793644 h 3128654"/>
              <a:gd name="connsiteX31" fmla="*/ 4015526 w 5553123"/>
              <a:gd name="connsiteY31" fmla="*/ 904050 h 3128654"/>
              <a:gd name="connsiteX32" fmla="*/ 396379 w 5553123"/>
              <a:gd name="connsiteY32" fmla="*/ 435140 h 3128654"/>
              <a:gd name="connsiteX33" fmla="*/ 396379 w 5553123"/>
              <a:gd name="connsiteY33" fmla="*/ 1932956 h 3128654"/>
              <a:gd name="connsiteX34" fmla="*/ 846344 w 5553123"/>
              <a:gd name="connsiteY34" fmla="*/ 1932956 h 3128654"/>
              <a:gd name="connsiteX35" fmla="*/ 1601274 w 5553123"/>
              <a:gd name="connsiteY35" fmla="*/ 1184065 h 3128654"/>
              <a:gd name="connsiteX36" fmla="*/ 846344 w 5553123"/>
              <a:gd name="connsiteY36" fmla="*/ 435140 h 3128654"/>
              <a:gd name="connsiteX37" fmla="*/ 0 w 5553123"/>
              <a:gd name="connsiteY37" fmla="*/ 76739 h 3128654"/>
              <a:gd name="connsiteX38" fmla="*/ 820049 w 5553123"/>
              <a:gd name="connsiteY38" fmla="*/ 76739 h 3128654"/>
              <a:gd name="connsiteX39" fmla="*/ 2000502 w 5553123"/>
              <a:gd name="connsiteY39" fmla="*/ 1184065 h 3128654"/>
              <a:gd name="connsiteX40" fmla="*/ 820049 w 5553123"/>
              <a:gd name="connsiteY40" fmla="*/ 2291391 h 3128654"/>
              <a:gd name="connsiteX41" fmla="*/ 0 w 5553123"/>
              <a:gd name="connsiteY41" fmla="*/ 2291391 h 3128654"/>
              <a:gd name="connsiteX42" fmla="*/ 5214998 w 5553123"/>
              <a:gd name="connsiteY42" fmla="*/ 0 h 3128654"/>
              <a:gd name="connsiteX43" fmla="*/ 5474410 w 5553123"/>
              <a:gd name="connsiteY43" fmla="*/ 55393 h 3128654"/>
              <a:gd name="connsiteX44" fmla="*/ 5386944 w 5553123"/>
              <a:gd name="connsiteY44" fmla="*/ 367187 h 3128654"/>
              <a:gd name="connsiteX45" fmla="*/ 5241258 w 5553123"/>
              <a:gd name="connsiteY45" fmla="*/ 340932 h 3128654"/>
              <a:gd name="connsiteX46" fmla="*/ 5025544 w 5553123"/>
              <a:gd name="connsiteY46" fmla="*/ 579901 h 3128654"/>
              <a:gd name="connsiteX47" fmla="*/ 5025544 w 5553123"/>
              <a:gd name="connsiteY47" fmla="*/ 837299 h 3128654"/>
              <a:gd name="connsiteX48" fmla="*/ 5553123 w 5553123"/>
              <a:gd name="connsiteY48" fmla="*/ 837402 h 3128654"/>
              <a:gd name="connsiteX49" fmla="*/ 5553123 w 5553123"/>
              <a:gd name="connsiteY49" fmla="*/ 1152113 h 3128654"/>
              <a:gd name="connsiteX50" fmla="*/ 5025544 w 5553123"/>
              <a:gd name="connsiteY50" fmla="*/ 1152113 h 3128654"/>
              <a:gd name="connsiteX51" fmla="*/ 5025544 w 5553123"/>
              <a:gd name="connsiteY51" fmla="*/ 2291528 h 3128654"/>
              <a:gd name="connsiteX52" fmla="*/ 4640802 w 5553123"/>
              <a:gd name="connsiteY52" fmla="*/ 2291528 h 3128654"/>
              <a:gd name="connsiteX53" fmla="*/ 4640802 w 5553123"/>
              <a:gd name="connsiteY53" fmla="*/ 1152113 h 3128654"/>
              <a:gd name="connsiteX54" fmla="*/ 4423612 w 5553123"/>
              <a:gd name="connsiteY54" fmla="*/ 1152113 h 3128654"/>
              <a:gd name="connsiteX55" fmla="*/ 4423612 w 5553123"/>
              <a:gd name="connsiteY55" fmla="*/ 837402 h 3128654"/>
              <a:gd name="connsiteX56" fmla="*/ 4640802 w 5553123"/>
              <a:gd name="connsiteY56" fmla="*/ 837402 h 3128654"/>
              <a:gd name="connsiteX57" fmla="*/ 4640802 w 5553123"/>
              <a:gd name="connsiteY57" fmla="*/ 580004 h 3128654"/>
              <a:gd name="connsiteX58" fmla="*/ 5214998 w 5553123"/>
              <a:gd name="connsiteY58" fmla="*/ 0 h 31286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5553123" h="3128654">
                <a:moveTo>
                  <a:pt x="3991223" y="1407246"/>
                </a:moveTo>
                <a:lnTo>
                  <a:pt x="3430346" y="1968030"/>
                </a:lnTo>
                <a:cubicBezTo>
                  <a:pt x="3483553" y="1989213"/>
                  <a:pt x="3540297" y="2000023"/>
                  <a:pt x="3597555" y="1999879"/>
                </a:cubicBezTo>
                <a:cubicBezTo>
                  <a:pt x="3819070" y="1999879"/>
                  <a:pt x="4017277" y="1836826"/>
                  <a:pt x="4017277" y="1565700"/>
                </a:cubicBezTo>
                <a:lnTo>
                  <a:pt x="4017243" y="1565803"/>
                </a:lnTo>
                <a:cubicBezTo>
                  <a:pt x="4017518" y="1511866"/>
                  <a:pt x="4008729" y="1458269"/>
                  <a:pt x="3991223" y="1407246"/>
                </a:cubicBezTo>
                <a:close/>
                <a:moveTo>
                  <a:pt x="3597692" y="1131487"/>
                </a:moveTo>
                <a:cubicBezTo>
                  <a:pt x="3370204" y="1131487"/>
                  <a:pt x="3172031" y="1294574"/>
                  <a:pt x="3172031" y="1565700"/>
                </a:cubicBezTo>
                <a:lnTo>
                  <a:pt x="3171997" y="1565803"/>
                </a:lnTo>
                <a:cubicBezTo>
                  <a:pt x="3171757" y="1618927"/>
                  <a:pt x="3180304" y="1671724"/>
                  <a:pt x="3197296" y="1722061"/>
                </a:cubicBezTo>
                <a:lnTo>
                  <a:pt x="3757830" y="1161723"/>
                </a:lnTo>
                <a:cubicBezTo>
                  <a:pt x="3706819" y="1141649"/>
                  <a:pt x="3652513" y="1131391"/>
                  <a:pt x="3597692" y="1131487"/>
                </a:cubicBezTo>
                <a:close/>
                <a:moveTo>
                  <a:pt x="2205438" y="837298"/>
                </a:moveTo>
                <a:lnTo>
                  <a:pt x="2590180" y="837298"/>
                </a:lnTo>
                <a:lnTo>
                  <a:pt x="2590180" y="2548651"/>
                </a:lnTo>
                <a:cubicBezTo>
                  <a:pt x="2590180" y="2895520"/>
                  <a:pt x="2359911" y="3128654"/>
                  <a:pt x="2015984" y="3128654"/>
                </a:cubicBezTo>
                <a:cubicBezTo>
                  <a:pt x="1922717" y="3128654"/>
                  <a:pt x="1838202" y="3111014"/>
                  <a:pt x="1756572" y="3073262"/>
                </a:cubicBezTo>
                <a:lnTo>
                  <a:pt x="1844038" y="2761571"/>
                </a:lnTo>
                <a:cubicBezTo>
                  <a:pt x="1896456" y="2779074"/>
                  <a:pt x="1948909" y="2787791"/>
                  <a:pt x="1989724" y="2787791"/>
                </a:cubicBezTo>
                <a:cubicBezTo>
                  <a:pt x="2118006" y="2787791"/>
                  <a:pt x="2205438" y="2691627"/>
                  <a:pt x="2205438" y="2548857"/>
                </a:cubicBezTo>
                <a:close/>
                <a:moveTo>
                  <a:pt x="4139105" y="780499"/>
                </a:moveTo>
                <a:lnTo>
                  <a:pt x="4378642" y="1020017"/>
                </a:lnTo>
                <a:lnTo>
                  <a:pt x="4263474" y="1135365"/>
                </a:lnTo>
                <a:cubicBezTo>
                  <a:pt x="4343457" y="1255038"/>
                  <a:pt x="4390485" y="1401034"/>
                  <a:pt x="4390485" y="1565769"/>
                </a:cubicBezTo>
                <a:cubicBezTo>
                  <a:pt x="4390485" y="2023285"/>
                  <a:pt x="4028880" y="2335080"/>
                  <a:pt x="3597520" y="2335080"/>
                </a:cubicBezTo>
                <a:cubicBezTo>
                  <a:pt x="3442429" y="2335080"/>
                  <a:pt x="3296983" y="2295681"/>
                  <a:pt x="3173748" y="2224604"/>
                </a:cubicBezTo>
                <a:lnTo>
                  <a:pt x="3050169" y="2348155"/>
                </a:lnTo>
                <a:lnTo>
                  <a:pt x="2810563" y="2108707"/>
                </a:lnTo>
                <a:lnTo>
                  <a:pt x="2925320" y="1993976"/>
                </a:lnTo>
                <a:cubicBezTo>
                  <a:pt x="2845543" y="1875058"/>
                  <a:pt x="2798892" y="1729886"/>
                  <a:pt x="2798892" y="1565838"/>
                </a:cubicBezTo>
                <a:cubicBezTo>
                  <a:pt x="2798892" y="1108390"/>
                  <a:pt x="3160291" y="793644"/>
                  <a:pt x="3597486" y="793644"/>
                </a:cubicBezTo>
                <a:cubicBezTo>
                  <a:pt x="3749866" y="793644"/>
                  <a:pt x="3893424" y="833077"/>
                  <a:pt x="4015526" y="904050"/>
                </a:cubicBezTo>
                <a:close/>
                <a:moveTo>
                  <a:pt x="396379" y="435140"/>
                </a:moveTo>
                <a:lnTo>
                  <a:pt x="396379" y="1932956"/>
                </a:lnTo>
                <a:lnTo>
                  <a:pt x="846344" y="1932956"/>
                </a:lnTo>
                <a:cubicBezTo>
                  <a:pt x="1298059" y="1932956"/>
                  <a:pt x="1601274" y="1632830"/>
                  <a:pt x="1601274" y="1184065"/>
                </a:cubicBezTo>
                <a:cubicBezTo>
                  <a:pt x="1601274" y="735300"/>
                  <a:pt x="1298128" y="435140"/>
                  <a:pt x="846344" y="435140"/>
                </a:cubicBezTo>
                <a:close/>
                <a:moveTo>
                  <a:pt x="0" y="76739"/>
                </a:moveTo>
                <a:lnTo>
                  <a:pt x="820049" y="76739"/>
                </a:lnTo>
                <a:cubicBezTo>
                  <a:pt x="1528328" y="76739"/>
                  <a:pt x="2000502" y="519670"/>
                  <a:pt x="2000502" y="1184065"/>
                </a:cubicBezTo>
                <a:cubicBezTo>
                  <a:pt x="2000502" y="1848460"/>
                  <a:pt x="1528328" y="2291391"/>
                  <a:pt x="820049" y="2291391"/>
                </a:cubicBezTo>
                <a:lnTo>
                  <a:pt x="0" y="2291391"/>
                </a:lnTo>
                <a:close/>
                <a:moveTo>
                  <a:pt x="5214998" y="0"/>
                </a:moveTo>
                <a:cubicBezTo>
                  <a:pt x="5308265" y="0"/>
                  <a:pt x="5392780" y="17641"/>
                  <a:pt x="5474410" y="55393"/>
                </a:cubicBezTo>
                <a:lnTo>
                  <a:pt x="5386944" y="367187"/>
                </a:lnTo>
                <a:cubicBezTo>
                  <a:pt x="5334526" y="349684"/>
                  <a:pt x="5282074" y="340932"/>
                  <a:pt x="5241258" y="340932"/>
                </a:cubicBezTo>
                <a:cubicBezTo>
                  <a:pt x="5112976" y="340932"/>
                  <a:pt x="5025544" y="437131"/>
                  <a:pt x="5025544" y="579901"/>
                </a:cubicBezTo>
                <a:lnTo>
                  <a:pt x="5025544" y="837299"/>
                </a:lnTo>
                <a:lnTo>
                  <a:pt x="5553123" y="837402"/>
                </a:lnTo>
                <a:lnTo>
                  <a:pt x="5553123" y="1152113"/>
                </a:lnTo>
                <a:lnTo>
                  <a:pt x="5025544" y="1152113"/>
                </a:lnTo>
                <a:lnTo>
                  <a:pt x="5025544" y="2291528"/>
                </a:lnTo>
                <a:lnTo>
                  <a:pt x="4640802" y="2291528"/>
                </a:lnTo>
                <a:lnTo>
                  <a:pt x="4640802" y="1152113"/>
                </a:lnTo>
                <a:lnTo>
                  <a:pt x="4423612" y="1152113"/>
                </a:lnTo>
                <a:lnTo>
                  <a:pt x="4423612" y="837402"/>
                </a:lnTo>
                <a:lnTo>
                  <a:pt x="4640802" y="837402"/>
                </a:lnTo>
                <a:lnTo>
                  <a:pt x="4640802" y="580004"/>
                </a:lnTo>
                <a:cubicBezTo>
                  <a:pt x="4640802" y="233134"/>
                  <a:pt x="4871070" y="0"/>
                  <a:pt x="5214998" y="0"/>
                </a:cubicBezTo>
                <a:close/>
              </a:path>
            </a:pathLst>
          </a:custGeom>
          <a:solidFill>
            <a:srgbClr val="1D1D1B"/>
          </a:solidFill>
          <a:ln w="3432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03750" y="1600000"/>
            <a:ext cx="1948458" cy="9951356"/>
          </a:xfrm>
        </p:spPr>
        <p:txBody>
          <a:bodyPr/>
          <a:lstStyle>
            <a:lvl1pPr>
              <a:defRPr sz="1350"/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13" name="5. Element 1 Text Placeholder 5"/>
          <p:cNvSpPr>
            <a:spLocks noGrp="1" noChangeAspect="1"/>
          </p:cNvSpPr>
          <p:nvPr>
            <p:ph type="body" sz="quarter" idx="27"/>
          </p:nvPr>
        </p:nvSpPr>
        <p:spPr>
          <a:xfrm>
            <a:off x="3000375" y="6096000"/>
            <a:ext cx="1928813" cy="6096000"/>
          </a:xfrm>
          <a:prstGeom prst="ellipse">
            <a:avLst/>
          </a:prstGeom>
          <a:solidFill>
            <a:schemeClr val="accent2"/>
          </a:solidFill>
        </p:spPr>
        <p:txBody>
          <a:bodyPr lIns="90000" tIns="360000" rIns="90000" bIns="360000" anchor="ctr" anchorCtr="0"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  <a:latin typeface="+mn-lt"/>
              </a:defRPr>
            </a:lvl1pPr>
            <a:lvl2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  <a:latin typeface="+mn-lt"/>
              </a:defRPr>
            </a:lvl2pPr>
            <a:lvl3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  <a:latin typeface="+mn-lt"/>
              </a:defRPr>
            </a:lvl3pPr>
            <a:lvl4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250" b="1">
                <a:solidFill>
                  <a:schemeClr val="bg1"/>
                </a:solidFill>
                <a:latin typeface="+mn-lt"/>
              </a:defRPr>
            </a:lvl4pPr>
            <a:lvl5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250" b="1">
                <a:solidFill>
                  <a:schemeClr val="bg1"/>
                </a:solidFill>
                <a:latin typeface="+mn-lt"/>
              </a:defRPr>
            </a:lvl5pPr>
            <a:lvl6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  <a:latin typeface="+mn-lt"/>
              </a:defRPr>
            </a:lvl6pPr>
            <a:lvl7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250" b="1">
                <a:solidFill>
                  <a:schemeClr val="bg1"/>
                </a:solidFill>
                <a:latin typeface="+mn-lt"/>
              </a:defRPr>
            </a:lvl7pPr>
            <a:lvl8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250" b="1">
                <a:solidFill>
                  <a:schemeClr val="bg1"/>
                </a:solidFill>
                <a:latin typeface="+mn-lt"/>
              </a:defRPr>
            </a:lvl8pPr>
            <a:lvl9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250" b="1">
                <a:solidFill>
                  <a:schemeClr val="bg1"/>
                </a:solidFill>
                <a:latin typeface="+mn-lt"/>
              </a:defRPr>
            </a:lvl9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14" name="5. element 2 Text Placeholder 9"/>
          <p:cNvSpPr>
            <a:spLocks noGrp="1"/>
          </p:cNvSpPr>
          <p:nvPr>
            <p:ph type="body" sz="quarter" idx="28"/>
          </p:nvPr>
        </p:nvSpPr>
        <p:spPr>
          <a:xfrm>
            <a:off x="4929187" y="6096000"/>
            <a:ext cx="1928813" cy="6096000"/>
          </a:xfrm>
          <a:prstGeom prst="rect">
            <a:avLst/>
          </a:prstGeom>
          <a:solidFill>
            <a:schemeClr val="accent1"/>
          </a:solidFill>
        </p:spPr>
        <p:txBody>
          <a:bodyPr lIns="540000" tIns="360000" rIns="360000" bIns="360000" anchor="ctr" anchorCtr="0"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</a:defRPr>
            </a:lvl1pPr>
            <a:lvl2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</a:defRPr>
            </a:lvl2pPr>
            <a:lvl3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</a:defRPr>
            </a:lvl3pPr>
            <a:lvl4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</a:defRPr>
            </a:lvl4pPr>
            <a:lvl5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</a:defRPr>
            </a:lvl5pPr>
            <a:lvl6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</a:defRPr>
            </a:lvl6pPr>
            <a:lvl7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</a:defRPr>
            </a:lvl7pPr>
            <a:lvl8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</a:defRPr>
            </a:lvl8pPr>
            <a:lvl9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</a:defRPr>
            </a:lvl9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5" name="Date Placeholder 23">
            <a:extLst>
              <a:ext uri="{FF2B5EF4-FFF2-40B4-BE49-F238E27FC236}">
                <a16:creationId xmlns:a16="http://schemas.microsoft.com/office/drawing/2014/main" id="{E745E2E3-4D2C-6905-3388-909F82B83C72}"/>
              </a:ext>
            </a:extLst>
          </p:cNvPr>
          <p:cNvSpPr>
            <a:spLocks noGrp="1"/>
          </p:cNvSpPr>
          <p:nvPr>
            <p:ph type="dt" sz="half" idx="29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A6AEA36B-C82B-4E82-AA8D-173300DE277D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6" name="Slide Number Placeholder 25">
            <a:extLst>
              <a:ext uri="{FF2B5EF4-FFF2-40B4-BE49-F238E27FC236}">
                <a16:creationId xmlns:a16="http://schemas.microsoft.com/office/drawing/2014/main" id="{DEA4726A-A422-B7D6-0E83-0774F17BE7D3}"/>
              </a:ext>
            </a:extLst>
          </p:cNvPr>
          <p:cNvSpPr>
            <a:spLocks noGrp="1"/>
          </p:cNvSpPr>
          <p:nvPr>
            <p:ph type="sldNum" sz="quarter" idx="3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DE5CF8B2-686E-473C-8793-CCF24035E2C5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Footer Placeholder 1">
            <a:extLst>
              <a:ext uri="{FF2B5EF4-FFF2-40B4-BE49-F238E27FC236}">
                <a16:creationId xmlns:a16="http://schemas.microsoft.com/office/drawing/2014/main" id="{82B544A4-7A8F-5F7E-1DDE-5C513802F21F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211762851"/>
      </p:ext>
    </p:extLst>
  </p:cSld>
  <p:clrMapOvr>
    <a:masterClrMapping/>
  </p:clrMapOvr>
</p:sldLayout>
</file>

<file path=ppt/slideLayouts/slideLayout6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5. elementer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ggrund">
            <a:extLst>
              <a:ext uri="{FF2B5EF4-FFF2-40B4-BE49-F238E27FC236}">
                <a16:creationId xmlns:a16="http://schemas.microsoft.com/office/drawing/2014/main" id="{A51209A2-5DAC-BFA5-7648-C7B7D3FEEA04}"/>
              </a:ext>
            </a:extLst>
          </p:cNvPr>
          <p:cNvSpPr/>
          <p:nvPr userDrawn="1"/>
        </p:nvSpPr>
        <p:spPr>
          <a:xfrm>
            <a:off x="0" y="0"/>
            <a:ext cx="6858000" cy="121920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20250" rIns="40500" bIns="2025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125" dirty="0"/>
          </a:p>
        </p:txBody>
      </p:sp>
      <p:sp>
        <p:nvSpPr>
          <p:cNvPr id="3" name="Logo">
            <a:extLst>
              <a:ext uri="{FF2B5EF4-FFF2-40B4-BE49-F238E27FC236}">
                <a16:creationId xmlns:a16="http://schemas.microsoft.com/office/drawing/2014/main" id="{8779658A-CD5A-0ABC-6FD3-631A25E45BE8}"/>
              </a:ext>
            </a:extLst>
          </p:cNvPr>
          <p:cNvSpPr/>
          <p:nvPr userDrawn="1"/>
        </p:nvSpPr>
        <p:spPr>
          <a:xfrm>
            <a:off x="6197600" y="639763"/>
            <a:ext cx="355600" cy="635000"/>
          </a:xfrm>
          <a:custGeom>
            <a:avLst/>
            <a:gdLst>
              <a:gd name="connsiteX0" fmla="*/ 3991223 w 5553123"/>
              <a:gd name="connsiteY0" fmla="*/ 1407246 h 3128654"/>
              <a:gd name="connsiteX1" fmla="*/ 3430346 w 5553123"/>
              <a:gd name="connsiteY1" fmla="*/ 1968030 h 3128654"/>
              <a:gd name="connsiteX2" fmla="*/ 3597555 w 5553123"/>
              <a:gd name="connsiteY2" fmla="*/ 1999879 h 3128654"/>
              <a:gd name="connsiteX3" fmla="*/ 4017277 w 5553123"/>
              <a:gd name="connsiteY3" fmla="*/ 1565700 h 3128654"/>
              <a:gd name="connsiteX4" fmla="*/ 4017243 w 5553123"/>
              <a:gd name="connsiteY4" fmla="*/ 1565803 h 3128654"/>
              <a:gd name="connsiteX5" fmla="*/ 3991223 w 5553123"/>
              <a:gd name="connsiteY5" fmla="*/ 1407246 h 3128654"/>
              <a:gd name="connsiteX6" fmla="*/ 3597692 w 5553123"/>
              <a:gd name="connsiteY6" fmla="*/ 1131487 h 3128654"/>
              <a:gd name="connsiteX7" fmla="*/ 3172031 w 5553123"/>
              <a:gd name="connsiteY7" fmla="*/ 1565700 h 3128654"/>
              <a:gd name="connsiteX8" fmla="*/ 3171997 w 5553123"/>
              <a:gd name="connsiteY8" fmla="*/ 1565803 h 3128654"/>
              <a:gd name="connsiteX9" fmla="*/ 3197296 w 5553123"/>
              <a:gd name="connsiteY9" fmla="*/ 1722061 h 3128654"/>
              <a:gd name="connsiteX10" fmla="*/ 3757830 w 5553123"/>
              <a:gd name="connsiteY10" fmla="*/ 1161723 h 3128654"/>
              <a:gd name="connsiteX11" fmla="*/ 3597692 w 5553123"/>
              <a:gd name="connsiteY11" fmla="*/ 1131487 h 3128654"/>
              <a:gd name="connsiteX12" fmla="*/ 2205438 w 5553123"/>
              <a:gd name="connsiteY12" fmla="*/ 837298 h 3128654"/>
              <a:gd name="connsiteX13" fmla="*/ 2590180 w 5553123"/>
              <a:gd name="connsiteY13" fmla="*/ 837298 h 3128654"/>
              <a:gd name="connsiteX14" fmla="*/ 2590180 w 5553123"/>
              <a:gd name="connsiteY14" fmla="*/ 2548651 h 3128654"/>
              <a:gd name="connsiteX15" fmla="*/ 2015984 w 5553123"/>
              <a:gd name="connsiteY15" fmla="*/ 3128654 h 3128654"/>
              <a:gd name="connsiteX16" fmla="*/ 1756572 w 5553123"/>
              <a:gd name="connsiteY16" fmla="*/ 3073262 h 3128654"/>
              <a:gd name="connsiteX17" fmla="*/ 1844038 w 5553123"/>
              <a:gd name="connsiteY17" fmla="*/ 2761571 h 3128654"/>
              <a:gd name="connsiteX18" fmla="*/ 1989724 w 5553123"/>
              <a:gd name="connsiteY18" fmla="*/ 2787791 h 3128654"/>
              <a:gd name="connsiteX19" fmla="*/ 2205438 w 5553123"/>
              <a:gd name="connsiteY19" fmla="*/ 2548857 h 3128654"/>
              <a:gd name="connsiteX20" fmla="*/ 4139105 w 5553123"/>
              <a:gd name="connsiteY20" fmla="*/ 780499 h 3128654"/>
              <a:gd name="connsiteX21" fmla="*/ 4378642 w 5553123"/>
              <a:gd name="connsiteY21" fmla="*/ 1020017 h 3128654"/>
              <a:gd name="connsiteX22" fmla="*/ 4263474 w 5553123"/>
              <a:gd name="connsiteY22" fmla="*/ 1135365 h 3128654"/>
              <a:gd name="connsiteX23" fmla="*/ 4390485 w 5553123"/>
              <a:gd name="connsiteY23" fmla="*/ 1565769 h 3128654"/>
              <a:gd name="connsiteX24" fmla="*/ 3597520 w 5553123"/>
              <a:gd name="connsiteY24" fmla="*/ 2335080 h 3128654"/>
              <a:gd name="connsiteX25" fmla="*/ 3173748 w 5553123"/>
              <a:gd name="connsiteY25" fmla="*/ 2224604 h 3128654"/>
              <a:gd name="connsiteX26" fmla="*/ 3050169 w 5553123"/>
              <a:gd name="connsiteY26" fmla="*/ 2348155 h 3128654"/>
              <a:gd name="connsiteX27" fmla="*/ 2810563 w 5553123"/>
              <a:gd name="connsiteY27" fmla="*/ 2108707 h 3128654"/>
              <a:gd name="connsiteX28" fmla="*/ 2925320 w 5553123"/>
              <a:gd name="connsiteY28" fmla="*/ 1993976 h 3128654"/>
              <a:gd name="connsiteX29" fmla="*/ 2798892 w 5553123"/>
              <a:gd name="connsiteY29" fmla="*/ 1565838 h 3128654"/>
              <a:gd name="connsiteX30" fmla="*/ 3597486 w 5553123"/>
              <a:gd name="connsiteY30" fmla="*/ 793644 h 3128654"/>
              <a:gd name="connsiteX31" fmla="*/ 4015526 w 5553123"/>
              <a:gd name="connsiteY31" fmla="*/ 904050 h 3128654"/>
              <a:gd name="connsiteX32" fmla="*/ 396379 w 5553123"/>
              <a:gd name="connsiteY32" fmla="*/ 435140 h 3128654"/>
              <a:gd name="connsiteX33" fmla="*/ 396379 w 5553123"/>
              <a:gd name="connsiteY33" fmla="*/ 1932956 h 3128654"/>
              <a:gd name="connsiteX34" fmla="*/ 846344 w 5553123"/>
              <a:gd name="connsiteY34" fmla="*/ 1932956 h 3128654"/>
              <a:gd name="connsiteX35" fmla="*/ 1601274 w 5553123"/>
              <a:gd name="connsiteY35" fmla="*/ 1184065 h 3128654"/>
              <a:gd name="connsiteX36" fmla="*/ 846344 w 5553123"/>
              <a:gd name="connsiteY36" fmla="*/ 435140 h 3128654"/>
              <a:gd name="connsiteX37" fmla="*/ 0 w 5553123"/>
              <a:gd name="connsiteY37" fmla="*/ 76739 h 3128654"/>
              <a:gd name="connsiteX38" fmla="*/ 820049 w 5553123"/>
              <a:gd name="connsiteY38" fmla="*/ 76739 h 3128654"/>
              <a:gd name="connsiteX39" fmla="*/ 2000502 w 5553123"/>
              <a:gd name="connsiteY39" fmla="*/ 1184065 h 3128654"/>
              <a:gd name="connsiteX40" fmla="*/ 820049 w 5553123"/>
              <a:gd name="connsiteY40" fmla="*/ 2291391 h 3128654"/>
              <a:gd name="connsiteX41" fmla="*/ 0 w 5553123"/>
              <a:gd name="connsiteY41" fmla="*/ 2291391 h 3128654"/>
              <a:gd name="connsiteX42" fmla="*/ 5214998 w 5553123"/>
              <a:gd name="connsiteY42" fmla="*/ 0 h 3128654"/>
              <a:gd name="connsiteX43" fmla="*/ 5474410 w 5553123"/>
              <a:gd name="connsiteY43" fmla="*/ 55393 h 3128654"/>
              <a:gd name="connsiteX44" fmla="*/ 5386944 w 5553123"/>
              <a:gd name="connsiteY44" fmla="*/ 367187 h 3128654"/>
              <a:gd name="connsiteX45" fmla="*/ 5241258 w 5553123"/>
              <a:gd name="connsiteY45" fmla="*/ 340932 h 3128654"/>
              <a:gd name="connsiteX46" fmla="*/ 5025544 w 5553123"/>
              <a:gd name="connsiteY46" fmla="*/ 579901 h 3128654"/>
              <a:gd name="connsiteX47" fmla="*/ 5025544 w 5553123"/>
              <a:gd name="connsiteY47" fmla="*/ 837299 h 3128654"/>
              <a:gd name="connsiteX48" fmla="*/ 5553123 w 5553123"/>
              <a:gd name="connsiteY48" fmla="*/ 837402 h 3128654"/>
              <a:gd name="connsiteX49" fmla="*/ 5553123 w 5553123"/>
              <a:gd name="connsiteY49" fmla="*/ 1152113 h 3128654"/>
              <a:gd name="connsiteX50" fmla="*/ 5025544 w 5553123"/>
              <a:gd name="connsiteY50" fmla="*/ 1152113 h 3128654"/>
              <a:gd name="connsiteX51" fmla="*/ 5025544 w 5553123"/>
              <a:gd name="connsiteY51" fmla="*/ 2291528 h 3128654"/>
              <a:gd name="connsiteX52" fmla="*/ 4640802 w 5553123"/>
              <a:gd name="connsiteY52" fmla="*/ 2291528 h 3128654"/>
              <a:gd name="connsiteX53" fmla="*/ 4640802 w 5553123"/>
              <a:gd name="connsiteY53" fmla="*/ 1152113 h 3128654"/>
              <a:gd name="connsiteX54" fmla="*/ 4423612 w 5553123"/>
              <a:gd name="connsiteY54" fmla="*/ 1152113 h 3128654"/>
              <a:gd name="connsiteX55" fmla="*/ 4423612 w 5553123"/>
              <a:gd name="connsiteY55" fmla="*/ 837402 h 3128654"/>
              <a:gd name="connsiteX56" fmla="*/ 4640802 w 5553123"/>
              <a:gd name="connsiteY56" fmla="*/ 837402 h 3128654"/>
              <a:gd name="connsiteX57" fmla="*/ 4640802 w 5553123"/>
              <a:gd name="connsiteY57" fmla="*/ 580004 h 3128654"/>
              <a:gd name="connsiteX58" fmla="*/ 5214998 w 5553123"/>
              <a:gd name="connsiteY58" fmla="*/ 0 h 31286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5553123" h="3128654">
                <a:moveTo>
                  <a:pt x="3991223" y="1407246"/>
                </a:moveTo>
                <a:lnTo>
                  <a:pt x="3430346" y="1968030"/>
                </a:lnTo>
                <a:cubicBezTo>
                  <a:pt x="3483553" y="1989213"/>
                  <a:pt x="3540297" y="2000023"/>
                  <a:pt x="3597555" y="1999879"/>
                </a:cubicBezTo>
                <a:cubicBezTo>
                  <a:pt x="3819070" y="1999879"/>
                  <a:pt x="4017277" y="1836826"/>
                  <a:pt x="4017277" y="1565700"/>
                </a:cubicBezTo>
                <a:lnTo>
                  <a:pt x="4017243" y="1565803"/>
                </a:lnTo>
                <a:cubicBezTo>
                  <a:pt x="4017518" y="1511866"/>
                  <a:pt x="4008729" y="1458269"/>
                  <a:pt x="3991223" y="1407246"/>
                </a:cubicBezTo>
                <a:close/>
                <a:moveTo>
                  <a:pt x="3597692" y="1131487"/>
                </a:moveTo>
                <a:cubicBezTo>
                  <a:pt x="3370204" y="1131487"/>
                  <a:pt x="3172031" y="1294574"/>
                  <a:pt x="3172031" y="1565700"/>
                </a:cubicBezTo>
                <a:lnTo>
                  <a:pt x="3171997" y="1565803"/>
                </a:lnTo>
                <a:cubicBezTo>
                  <a:pt x="3171757" y="1618927"/>
                  <a:pt x="3180304" y="1671724"/>
                  <a:pt x="3197296" y="1722061"/>
                </a:cubicBezTo>
                <a:lnTo>
                  <a:pt x="3757830" y="1161723"/>
                </a:lnTo>
                <a:cubicBezTo>
                  <a:pt x="3706819" y="1141649"/>
                  <a:pt x="3652513" y="1131391"/>
                  <a:pt x="3597692" y="1131487"/>
                </a:cubicBezTo>
                <a:close/>
                <a:moveTo>
                  <a:pt x="2205438" y="837298"/>
                </a:moveTo>
                <a:lnTo>
                  <a:pt x="2590180" y="837298"/>
                </a:lnTo>
                <a:lnTo>
                  <a:pt x="2590180" y="2548651"/>
                </a:lnTo>
                <a:cubicBezTo>
                  <a:pt x="2590180" y="2895520"/>
                  <a:pt x="2359911" y="3128654"/>
                  <a:pt x="2015984" y="3128654"/>
                </a:cubicBezTo>
                <a:cubicBezTo>
                  <a:pt x="1922717" y="3128654"/>
                  <a:pt x="1838202" y="3111014"/>
                  <a:pt x="1756572" y="3073262"/>
                </a:cubicBezTo>
                <a:lnTo>
                  <a:pt x="1844038" y="2761571"/>
                </a:lnTo>
                <a:cubicBezTo>
                  <a:pt x="1896456" y="2779074"/>
                  <a:pt x="1948909" y="2787791"/>
                  <a:pt x="1989724" y="2787791"/>
                </a:cubicBezTo>
                <a:cubicBezTo>
                  <a:pt x="2118006" y="2787791"/>
                  <a:pt x="2205438" y="2691627"/>
                  <a:pt x="2205438" y="2548857"/>
                </a:cubicBezTo>
                <a:close/>
                <a:moveTo>
                  <a:pt x="4139105" y="780499"/>
                </a:moveTo>
                <a:lnTo>
                  <a:pt x="4378642" y="1020017"/>
                </a:lnTo>
                <a:lnTo>
                  <a:pt x="4263474" y="1135365"/>
                </a:lnTo>
                <a:cubicBezTo>
                  <a:pt x="4343457" y="1255038"/>
                  <a:pt x="4390485" y="1401034"/>
                  <a:pt x="4390485" y="1565769"/>
                </a:cubicBezTo>
                <a:cubicBezTo>
                  <a:pt x="4390485" y="2023285"/>
                  <a:pt x="4028880" y="2335080"/>
                  <a:pt x="3597520" y="2335080"/>
                </a:cubicBezTo>
                <a:cubicBezTo>
                  <a:pt x="3442429" y="2335080"/>
                  <a:pt x="3296983" y="2295681"/>
                  <a:pt x="3173748" y="2224604"/>
                </a:cubicBezTo>
                <a:lnTo>
                  <a:pt x="3050169" y="2348155"/>
                </a:lnTo>
                <a:lnTo>
                  <a:pt x="2810563" y="2108707"/>
                </a:lnTo>
                <a:lnTo>
                  <a:pt x="2925320" y="1993976"/>
                </a:lnTo>
                <a:cubicBezTo>
                  <a:pt x="2845543" y="1875058"/>
                  <a:pt x="2798892" y="1729886"/>
                  <a:pt x="2798892" y="1565838"/>
                </a:cubicBezTo>
                <a:cubicBezTo>
                  <a:pt x="2798892" y="1108390"/>
                  <a:pt x="3160291" y="793644"/>
                  <a:pt x="3597486" y="793644"/>
                </a:cubicBezTo>
                <a:cubicBezTo>
                  <a:pt x="3749866" y="793644"/>
                  <a:pt x="3893424" y="833077"/>
                  <a:pt x="4015526" y="904050"/>
                </a:cubicBezTo>
                <a:close/>
                <a:moveTo>
                  <a:pt x="396379" y="435140"/>
                </a:moveTo>
                <a:lnTo>
                  <a:pt x="396379" y="1932956"/>
                </a:lnTo>
                <a:lnTo>
                  <a:pt x="846344" y="1932956"/>
                </a:lnTo>
                <a:cubicBezTo>
                  <a:pt x="1298059" y="1932956"/>
                  <a:pt x="1601274" y="1632830"/>
                  <a:pt x="1601274" y="1184065"/>
                </a:cubicBezTo>
                <a:cubicBezTo>
                  <a:pt x="1601274" y="735300"/>
                  <a:pt x="1298128" y="435140"/>
                  <a:pt x="846344" y="435140"/>
                </a:cubicBezTo>
                <a:close/>
                <a:moveTo>
                  <a:pt x="0" y="76739"/>
                </a:moveTo>
                <a:lnTo>
                  <a:pt x="820049" y="76739"/>
                </a:lnTo>
                <a:cubicBezTo>
                  <a:pt x="1528328" y="76739"/>
                  <a:pt x="2000502" y="519670"/>
                  <a:pt x="2000502" y="1184065"/>
                </a:cubicBezTo>
                <a:cubicBezTo>
                  <a:pt x="2000502" y="1848460"/>
                  <a:pt x="1528328" y="2291391"/>
                  <a:pt x="820049" y="2291391"/>
                </a:cubicBezTo>
                <a:lnTo>
                  <a:pt x="0" y="2291391"/>
                </a:lnTo>
                <a:close/>
                <a:moveTo>
                  <a:pt x="5214998" y="0"/>
                </a:moveTo>
                <a:cubicBezTo>
                  <a:pt x="5308265" y="0"/>
                  <a:pt x="5392780" y="17641"/>
                  <a:pt x="5474410" y="55393"/>
                </a:cubicBezTo>
                <a:lnTo>
                  <a:pt x="5386944" y="367187"/>
                </a:lnTo>
                <a:cubicBezTo>
                  <a:pt x="5334526" y="349684"/>
                  <a:pt x="5282074" y="340932"/>
                  <a:pt x="5241258" y="340932"/>
                </a:cubicBezTo>
                <a:cubicBezTo>
                  <a:pt x="5112976" y="340932"/>
                  <a:pt x="5025544" y="437131"/>
                  <a:pt x="5025544" y="579901"/>
                </a:cubicBezTo>
                <a:lnTo>
                  <a:pt x="5025544" y="837299"/>
                </a:lnTo>
                <a:lnTo>
                  <a:pt x="5553123" y="837402"/>
                </a:lnTo>
                <a:lnTo>
                  <a:pt x="5553123" y="1152113"/>
                </a:lnTo>
                <a:lnTo>
                  <a:pt x="5025544" y="1152113"/>
                </a:lnTo>
                <a:lnTo>
                  <a:pt x="5025544" y="2291528"/>
                </a:lnTo>
                <a:lnTo>
                  <a:pt x="4640802" y="2291528"/>
                </a:lnTo>
                <a:lnTo>
                  <a:pt x="4640802" y="1152113"/>
                </a:lnTo>
                <a:lnTo>
                  <a:pt x="4423612" y="1152113"/>
                </a:lnTo>
                <a:lnTo>
                  <a:pt x="4423612" y="837402"/>
                </a:lnTo>
                <a:lnTo>
                  <a:pt x="4640802" y="837402"/>
                </a:lnTo>
                <a:lnTo>
                  <a:pt x="4640802" y="580004"/>
                </a:lnTo>
                <a:cubicBezTo>
                  <a:pt x="4640802" y="233134"/>
                  <a:pt x="4871070" y="0"/>
                  <a:pt x="5214998" y="0"/>
                </a:cubicBezTo>
                <a:close/>
              </a:path>
            </a:pathLst>
          </a:custGeom>
          <a:solidFill>
            <a:srgbClr val="1D1D1B"/>
          </a:solidFill>
          <a:ln w="3432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03750" y="1600000"/>
            <a:ext cx="1948458" cy="9951356"/>
          </a:xfrm>
        </p:spPr>
        <p:txBody>
          <a:bodyPr/>
          <a:lstStyle>
            <a:lvl1pPr>
              <a:defRPr sz="1350"/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13" name="Text Placeholder 5"/>
          <p:cNvSpPr>
            <a:spLocks noGrp="1" noChangeAspect="1"/>
          </p:cNvSpPr>
          <p:nvPr>
            <p:ph type="body" sz="quarter" idx="27"/>
          </p:nvPr>
        </p:nvSpPr>
        <p:spPr>
          <a:xfrm>
            <a:off x="3000375" y="0"/>
            <a:ext cx="1928813" cy="6096000"/>
          </a:xfrm>
          <a:solidFill>
            <a:schemeClr val="accent1"/>
          </a:solidFill>
        </p:spPr>
        <p:txBody>
          <a:bodyPr lIns="540000" tIns="360000" rIns="360000" bIns="360000" anchor="ctr" anchorCtr="0"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  <a:latin typeface="+mn-lt"/>
              </a:defRPr>
            </a:lvl1pPr>
            <a:lvl2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  <a:latin typeface="+mn-lt"/>
              </a:defRPr>
            </a:lvl2pPr>
            <a:lvl3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  <a:latin typeface="+mn-lt"/>
              </a:defRPr>
            </a:lvl3pPr>
            <a:lvl4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250" b="1">
                <a:solidFill>
                  <a:schemeClr val="bg1"/>
                </a:solidFill>
                <a:latin typeface="+mn-lt"/>
              </a:defRPr>
            </a:lvl4pPr>
            <a:lvl5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250" b="1">
                <a:solidFill>
                  <a:schemeClr val="bg1"/>
                </a:solidFill>
                <a:latin typeface="+mn-lt"/>
              </a:defRPr>
            </a:lvl5pPr>
            <a:lvl6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  <a:latin typeface="+mn-lt"/>
              </a:defRPr>
            </a:lvl6pPr>
            <a:lvl7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250" b="1">
                <a:solidFill>
                  <a:schemeClr val="bg1"/>
                </a:solidFill>
                <a:latin typeface="+mn-lt"/>
              </a:defRPr>
            </a:lvl7pPr>
            <a:lvl8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250" b="1">
                <a:solidFill>
                  <a:schemeClr val="bg1"/>
                </a:solidFill>
                <a:latin typeface="+mn-lt"/>
              </a:defRPr>
            </a:lvl8pPr>
            <a:lvl9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250" b="1">
                <a:solidFill>
                  <a:schemeClr val="bg1"/>
                </a:solidFill>
                <a:latin typeface="+mn-lt"/>
              </a:defRPr>
            </a:lvl9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14" name="Text Placeholder 9"/>
          <p:cNvSpPr>
            <a:spLocks noGrp="1"/>
          </p:cNvSpPr>
          <p:nvPr>
            <p:ph type="body" sz="quarter" idx="28"/>
          </p:nvPr>
        </p:nvSpPr>
        <p:spPr>
          <a:xfrm>
            <a:off x="3000375" y="6096000"/>
            <a:ext cx="1928813" cy="6096000"/>
          </a:xfrm>
          <a:prstGeom prst="ellipse">
            <a:avLst/>
          </a:prstGeom>
          <a:solidFill>
            <a:schemeClr val="accent2"/>
          </a:solidFill>
        </p:spPr>
        <p:txBody>
          <a:bodyPr lIns="90000" tIns="360000" rIns="90000" bIns="360000" anchor="ctr" anchorCtr="0"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</a:defRPr>
            </a:lvl1pPr>
            <a:lvl2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</a:defRPr>
            </a:lvl2pPr>
            <a:lvl3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</a:defRPr>
            </a:lvl3pPr>
            <a:lvl4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</a:defRPr>
            </a:lvl4pPr>
            <a:lvl5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</a:defRPr>
            </a:lvl5pPr>
            <a:lvl6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</a:defRPr>
            </a:lvl6pPr>
            <a:lvl7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</a:defRPr>
            </a:lvl7pPr>
            <a:lvl8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</a:defRPr>
            </a:lvl8pPr>
            <a:lvl9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250" b="1">
                <a:solidFill>
                  <a:schemeClr val="bg1"/>
                </a:solidFill>
              </a:defRPr>
            </a:lvl9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5" name="Date Placeholder 23">
            <a:extLst>
              <a:ext uri="{FF2B5EF4-FFF2-40B4-BE49-F238E27FC236}">
                <a16:creationId xmlns:a16="http://schemas.microsoft.com/office/drawing/2014/main" id="{DC30C0C3-DD64-3B31-646C-0412FB3F4356}"/>
              </a:ext>
            </a:extLst>
          </p:cNvPr>
          <p:cNvSpPr>
            <a:spLocks noGrp="1"/>
          </p:cNvSpPr>
          <p:nvPr>
            <p:ph type="dt" sz="half" idx="29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F058B15F-AE9D-4812-8E21-C0FBD0DBCE6B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6" name="Slide Number Placeholder 25">
            <a:extLst>
              <a:ext uri="{FF2B5EF4-FFF2-40B4-BE49-F238E27FC236}">
                <a16:creationId xmlns:a16="http://schemas.microsoft.com/office/drawing/2014/main" id="{D26335B4-8AFE-0A2A-A138-56CA44A66ADB}"/>
              </a:ext>
            </a:extLst>
          </p:cNvPr>
          <p:cNvSpPr>
            <a:spLocks noGrp="1"/>
          </p:cNvSpPr>
          <p:nvPr>
            <p:ph type="sldNum" sz="quarter" idx="3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B680FDE4-014D-49AD-BC2D-56AA92BCE6A9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Footer Placeholder 1">
            <a:extLst>
              <a:ext uri="{FF2B5EF4-FFF2-40B4-BE49-F238E27FC236}">
                <a16:creationId xmlns:a16="http://schemas.microsoft.com/office/drawing/2014/main" id="{0713D117-E6CB-9704-836D-18F8B0052BCC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>
          <a:xfrm>
            <a:off x="1916113" y="639763"/>
            <a:ext cx="873125" cy="635000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102980666"/>
      </p:ext>
    </p:extLst>
  </p:cSld>
  <p:clrMapOvr>
    <a:masterClrMapping/>
  </p:clrMapOvr>
</p:sldLayout>
</file>

<file path=ppt/slideLayouts/slideLayout6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C9F72C31-1A01-1CB4-722C-A1EC68D78EF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F24A2F12-A18D-40DA-BAA9-E5508779562E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054801C5-B0D8-1FBB-3D14-E5F6879D8F7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AE16398A-9BE6-E33E-0DFF-919854E655D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5500BBA2-A3D0-4048-BA6A-D949CE9B2DF9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55255295"/>
      </p:ext>
    </p:extLst>
  </p:cSld>
  <p:clrMapOvr>
    <a:masterClrMapping/>
  </p:clrMapOvr>
</p:sldLayout>
</file>

<file path=ppt/slideLayouts/slideLayout6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4">
            <a:extLst>
              <a:ext uri="{FF2B5EF4-FFF2-40B4-BE49-F238E27FC236}">
                <a16:creationId xmlns:a16="http://schemas.microsoft.com/office/drawing/2014/main" id="{F3D85596-EE04-A712-88E0-792AECC31EB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FF741E58-BE77-4D06-B608-7FC3FA8AD14C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3" name="Footer Placeholder 5">
            <a:extLst>
              <a:ext uri="{FF2B5EF4-FFF2-40B4-BE49-F238E27FC236}">
                <a16:creationId xmlns:a16="http://schemas.microsoft.com/office/drawing/2014/main" id="{B53929F6-64EF-1BB9-14D1-263628B804E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4" name="Slide Number Placeholder 6">
            <a:extLst>
              <a:ext uri="{FF2B5EF4-FFF2-40B4-BE49-F238E27FC236}">
                <a16:creationId xmlns:a16="http://schemas.microsoft.com/office/drawing/2014/main" id="{9F8D77C0-5D57-D2A1-C9C5-0D80AC56D36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D051F7F2-3C17-43A5-B868-63CE052548C1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61082407"/>
      </p:ext>
    </p:extLst>
  </p:cSld>
  <p:clrMapOvr>
    <a:masterClrMapping/>
  </p:clrMapOvr>
</p:sldLayout>
</file>

<file path=ppt/slideLayouts/slideLayout6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Kontakt (fire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ggrund">
            <a:extLst>
              <a:ext uri="{FF2B5EF4-FFF2-40B4-BE49-F238E27FC236}">
                <a16:creationId xmlns:a16="http://schemas.microsoft.com/office/drawing/2014/main" id="{06335F3C-5F4B-5AED-5FBF-416424F81CBB}"/>
              </a:ext>
            </a:extLst>
          </p:cNvPr>
          <p:cNvSpPr/>
          <p:nvPr/>
        </p:nvSpPr>
        <p:spPr bwMode="ltGray">
          <a:xfrm>
            <a:off x="0" y="0"/>
            <a:ext cx="6858000" cy="12192000"/>
          </a:xfrm>
          <a:custGeom>
            <a:avLst/>
            <a:gdLst>
              <a:gd name="connsiteX0" fmla="*/ 0 w 10572750"/>
              <a:gd name="connsiteY0" fmla="*/ 0 h 10287000"/>
              <a:gd name="connsiteX1" fmla="*/ 10572750 w 10572750"/>
              <a:gd name="connsiteY1" fmla="*/ 0 h 10287000"/>
              <a:gd name="connsiteX2" fmla="*/ 10572750 w 10572750"/>
              <a:gd name="connsiteY2" fmla="*/ 10287000 h 10287000"/>
              <a:gd name="connsiteX3" fmla="*/ 0 w 10572750"/>
              <a:gd name="connsiteY3" fmla="*/ 10287000 h 10287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572750" h="10287000">
                <a:moveTo>
                  <a:pt x="0" y="0"/>
                </a:moveTo>
                <a:lnTo>
                  <a:pt x="10572750" y="0"/>
                </a:lnTo>
                <a:lnTo>
                  <a:pt x="10572750" y="10287000"/>
                </a:lnTo>
                <a:lnTo>
                  <a:pt x="0" y="10287000"/>
                </a:lnTo>
                <a:close/>
              </a:path>
            </a:pathLst>
          </a:custGeom>
          <a:solidFill>
            <a:schemeClr val="accent1"/>
          </a:solidFill>
          <a:ln w="9525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sp>
        <p:nvSpPr>
          <p:cNvPr id="3" name="Logo">
            <a:extLst>
              <a:ext uri="{FF2B5EF4-FFF2-40B4-BE49-F238E27FC236}">
                <a16:creationId xmlns:a16="http://schemas.microsoft.com/office/drawing/2014/main" id="{6400DF4E-C2D7-DFCB-3A4F-574DA26C8CDE}"/>
              </a:ext>
            </a:extLst>
          </p:cNvPr>
          <p:cNvSpPr/>
          <p:nvPr userDrawn="1"/>
        </p:nvSpPr>
        <p:spPr bwMode="white">
          <a:xfrm>
            <a:off x="6197600" y="639763"/>
            <a:ext cx="355600" cy="635000"/>
          </a:xfrm>
          <a:custGeom>
            <a:avLst/>
            <a:gdLst>
              <a:gd name="connsiteX0" fmla="*/ 3991223 w 5553123"/>
              <a:gd name="connsiteY0" fmla="*/ 1407246 h 3128654"/>
              <a:gd name="connsiteX1" fmla="*/ 3430346 w 5553123"/>
              <a:gd name="connsiteY1" fmla="*/ 1968030 h 3128654"/>
              <a:gd name="connsiteX2" fmla="*/ 3597555 w 5553123"/>
              <a:gd name="connsiteY2" fmla="*/ 1999879 h 3128654"/>
              <a:gd name="connsiteX3" fmla="*/ 4017277 w 5553123"/>
              <a:gd name="connsiteY3" fmla="*/ 1565700 h 3128654"/>
              <a:gd name="connsiteX4" fmla="*/ 4017243 w 5553123"/>
              <a:gd name="connsiteY4" fmla="*/ 1565803 h 3128654"/>
              <a:gd name="connsiteX5" fmla="*/ 3991223 w 5553123"/>
              <a:gd name="connsiteY5" fmla="*/ 1407246 h 3128654"/>
              <a:gd name="connsiteX6" fmla="*/ 3597692 w 5553123"/>
              <a:gd name="connsiteY6" fmla="*/ 1131487 h 3128654"/>
              <a:gd name="connsiteX7" fmla="*/ 3172031 w 5553123"/>
              <a:gd name="connsiteY7" fmla="*/ 1565700 h 3128654"/>
              <a:gd name="connsiteX8" fmla="*/ 3171997 w 5553123"/>
              <a:gd name="connsiteY8" fmla="*/ 1565803 h 3128654"/>
              <a:gd name="connsiteX9" fmla="*/ 3197296 w 5553123"/>
              <a:gd name="connsiteY9" fmla="*/ 1722061 h 3128654"/>
              <a:gd name="connsiteX10" fmla="*/ 3757830 w 5553123"/>
              <a:gd name="connsiteY10" fmla="*/ 1161723 h 3128654"/>
              <a:gd name="connsiteX11" fmla="*/ 3597692 w 5553123"/>
              <a:gd name="connsiteY11" fmla="*/ 1131487 h 3128654"/>
              <a:gd name="connsiteX12" fmla="*/ 2205438 w 5553123"/>
              <a:gd name="connsiteY12" fmla="*/ 837298 h 3128654"/>
              <a:gd name="connsiteX13" fmla="*/ 2590180 w 5553123"/>
              <a:gd name="connsiteY13" fmla="*/ 837298 h 3128654"/>
              <a:gd name="connsiteX14" fmla="*/ 2590180 w 5553123"/>
              <a:gd name="connsiteY14" fmla="*/ 2548651 h 3128654"/>
              <a:gd name="connsiteX15" fmla="*/ 2015984 w 5553123"/>
              <a:gd name="connsiteY15" fmla="*/ 3128654 h 3128654"/>
              <a:gd name="connsiteX16" fmla="*/ 1756572 w 5553123"/>
              <a:gd name="connsiteY16" fmla="*/ 3073262 h 3128654"/>
              <a:gd name="connsiteX17" fmla="*/ 1844038 w 5553123"/>
              <a:gd name="connsiteY17" fmla="*/ 2761571 h 3128654"/>
              <a:gd name="connsiteX18" fmla="*/ 1989724 w 5553123"/>
              <a:gd name="connsiteY18" fmla="*/ 2787791 h 3128654"/>
              <a:gd name="connsiteX19" fmla="*/ 2205438 w 5553123"/>
              <a:gd name="connsiteY19" fmla="*/ 2548857 h 3128654"/>
              <a:gd name="connsiteX20" fmla="*/ 4139105 w 5553123"/>
              <a:gd name="connsiteY20" fmla="*/ 780499 h 3128654"/>
              <a:gd name="connsiteX21" fmla="*/ 4378642 w 5553123"/>
              <a:gd name="connsiteY21" fmla="*/ 1020017 h 3128654"/>
              <a:gd name="connsiteX22" fmla="*/ 4263474 w 5553123"/>
              <a:gd name="connsiteY22" fmla="*/ 1135365 h 3128654"/>
              <a:gd name="connsiteX23" fmla="*/ 4390485 w 5553123"/>
              <a:gd name="connsiteY23" fmla="*/ 1565769 h 3128654"/>
              <a:gd name="connsiteX24" fmla="*/ 3597520 w 5553123"/>
              <a:gd name="connsiteY24" fmla="*/ 2335080 h 3128654"/>
              <a:gd name="connsiteX25" fmla="*/ 3173748 w 5553123"/>
              <a:gd name="connsiteY25" fmla="*/ 2224604 h 3128654"/>
              <a:gd name="connsiteX26" fmla="*/ 3050169 w 5553123"/>
              <a:gd name="connsiteY26" fmla="*/ 2348155 h 3128654"/>
              <a:gd name="connsiteX27" fmla="*/ 2810563 w 5553123"/>
              <a:gd name="connsiteY27" fmla="*/ 2108707 h 3128654"/>
              <a:gd name="connsiteX28" fmla="*/ 2925320 w 5553123"/>
              <a:gd name="connsiteY28" fmla="*/ 1993976 h 3128654"/>
              <a:gd name="connsiteX29" fmla="*/ 2798892 w 5553123"/>
              <a:gd name="connsiteY29" fmla="*/ 1565838 h 3128654"/>
              <a:gd name="connsiteX30" fmla="*/ 3597486 w 5553123"/>
              <a:gd name="connsiteY30" fmla="*/ 793644 h 3128654"/>
              <a:gd name="connsiteX31" fmla="*/ 4015526 w 5553123"/>
              <a:gd name="connsiteY31" fmla="*/ 904050 h 3128654"/>
              <a:gd name="connsiteX32" fmla="*/ 396379 w 5553123"/>
              <a:gd name="connsiteY32" fmla="*/ 435140 h 3128654"/>
              <a:gd name="connsiteX33" fmla="*/ 396379 w 5553123"/>
              <a:gd name="connsiteY33" fmla="*/ 1932956 h 3128654"/>
              <a:gd name="connsiteX34" fmla="*/ 846344 w 5553123"/>
              <a:gd name="connsiteY34" fmla="*/ 1932956 h 3128654"/>
              <a:gd name="connsiteX35" fmla="*/ 1601274 w 5553123"/>
              <a:gd name="connsiteY35" fmla="*/ 1184065 h 3128654"/>
              <a:gd name="connsiteX36" fmla="*/ 846344 w 5553123"/>
              <a:gd name="connsiteY36" fmla="*/ 435140 h 3128654"/>
              <a:gd name="connsiteX37" fmla="*/ 0 w 5553123"/>
              <a:gd name="connsiteY37" fmla="*/ 76739 h 3128654"/>
              <a:gd name="connsiteX38" fmla="*/ 820049 w 5553123"/>
              <a:gd name="connsiteY38" fmla="*/ 76739 h 3128654"/>
              <a:gd name="connsiteX39" fmla="*/ 2000502 w 5553123"/>
              <a:gd name="connsiteY39" fmla="*/ 1184065 h 3128654"/>
              <a:gd name="connsiteX40" fmla="*/ 820049 w 5553123"/>
              <a:gd name="connsiteY40" fmla="*/ 2291391 h 3128654"/>
              <a:gd name="connsiteX41" fmla="*/ 0 w 5553123"/>
              <a:gd name="connsiteY41" fmla="*/ 2291391 h 3128654"/>
              <a:gd name="connsiteX42" fmla="*/ 5214998 w 5553123"/>
              <a:gd name="connsiteY42" fmla="*/ 0 h 3128654"/>
              <a:gd name="connsiteX43" fmla="*/ 5474410 w 5553123"/>
              <a:gd name="connsiteY43" fmla="*/ 55393 h 3128654"/>
              <a:gd name="connsiteX44" fmla="*/ 5386944 w 5553123"/>
              <a:gd name="connsiteY44" fmla="*/ 367187 h 3128654"/>
              <a:gd name="connsiteX45" fmla="*/ 5241258 w 5553123"/>
              <a:gd name="connsiteY45" fmla="*/ 340932 h 3128654"/>
              <a:gd name="connsiteX46" fmla="*/ 5025544 w 5553123"/>
              <a:gd name="connsiteY46" fmla="*/ 579901 h 3128654"/>
              <a:gd name="connsiteX47" fmla="*/ 5025544 w 5553123"/>
              <a:gd name="connsiteY47" fmla="*/ 837299 h 3128654"/>
              <a:gd name="connsiteX48" fmla="*/ 5553123 w 5553123"/>
              <a:gd name="connsiteY48" fmla="*/ 837402 h 3128654"/>
              <a:gd name="connsiteX49" fmla="*/ 5553123 w 5553123"/>
              <a:gd name="connsiteY49" fmla="*/ 1152113 h 3128654"/>
              <a:gd name="connsiteX50" fmla="*/ 5025544 w 5553123"/>
              <a:gd name="connsiteY50" fmla="*/ 1152113 h 3128654"/>
              <a:gd name="connsiteX51" fmla="*/ 5025544 w 5553123"/>
              <a:gd name="connsiteY51" fmla="*/ 2291528 h 3128654"/>
              <a:gd name="connsiteX52" fmla="*/ 4640802 w 5553123"/>
              <a:gd name="connsiteY52" fmla="*/ 2291528 h 3128654"/>
              <a:gd name="connsiteX53" fmla="*/ 4640802 w 5553123"/>
              <a:gd name="connsiteY53" fmla="*/ 1152113 h 3128654"/>
              <a:gd name="connsiteX54" fmla="*/ 4423612 w 5553123"/>
              <a:gd name="connsiteY54" fmla="*/ 1152113 h 3128654"/>
              <a:gd name="connsiteX55" fmla="*/ 4423612 w 5553123"/>
              <a:gd name="connsiteY55" fmla="*/ 837402 h 3128654"/>
              <a:gd name="connsiteX56" fmla="*/ 4640802 w 5553123"/>
              <a:gd name="connsiteY56" fmla="*/ 837402 h 3128654"/>
              <a:gd name="connsiteX57" fmla="*/ 4640802 w 5553123"/>
              <a:gd name="connsiteY57" fmla="*/ 580004 h 3128654"/>
              <a:gd name="connsiteX58" fmla="*/ 5214998 w 5553123"/>
              <a:gd name="connsiteY58" fmla="*/ 0 h 31286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5553123" h="3128654">
                <a:moveTo>
                  <a:pt x="3991223" y="1407246"/>
                </a:moveTo>
                <a:lnTo>
                  <a:pt x="3430346" y="1968030"/>
                </a:lnTo>
                <a:cubicBezTo>
                  <a:pt x="3483553" y="1989213"/>
                  <a:pt x="3540297" y="2000023"/>
                  <a:pt x="3597555" y="1999879"/>
                </a:cubicBezTo>
                <a:cubicBezTo>
                  <a:pt x="3819070" y="1999879"/>
                  <a:pt x="4017277" y="1836826"/>
                  <a:pt x="4017277" y="1565700"/>
                </a:cubicBezTo>
                <a:lnTo>
                  <a:pt x="4017243" y="1565803"/>
                </a:lnTo>
                <a:cubicBezTo>
                  <a:pt x="4017518" y="1511866"/>
                  <a:pt x="4008729" y="1458269"/>
                  <a:pt x="3991223" y="1407246"/>
                </a:cubicBezTo>
                <a:close/>
                <a:moveTo>
                  <a:pt x="3597692" y="1131487"/>
                </a:moveTo>
                <a:cubicBezTo>
                  <a:pt x="3370204" y="1131487"/>
                  <a:pt x="3172031" y="1294574"/>
                  <a:pt x="3172031" y="1565700"/>
                </a:cubicBezTo>
                <a:lnTo>
                  <a:pt x="3171997" y="1565803"/>
                </a:lnTo>
                <a:cubicBezTo>
                  <a:pt x="3171757" y="1618927"/>
                  <a:pt x="3180304" y="1671724"/>
                  <a:pt x="3197296" y="1722061"/>
                </a:cubicBezTo>
                <a:lnTo>
                  <a:pt x="3757830" y="1161723"/>
                </a:lnTo>
                <a:cubicBezTo>
                  <a:pt x="3706819" y="1141649"/>
                  <a:pt x="3652513" y="1131391"/>
                  <a:pt x="3597692" y="1131487"/>
                </a:cubicBezTo>
                <a:close/>
                <a:moveTo>
                  <a:pt x="2205438" y="837298"/>
                </a:moveTo>
                <a:lnTo>
                  <a:pt x="2590180" y="837298"/>
                </a:lnTo>
                <a:lnTo>
                  <a:pt x="2590180" y="2548651"/>
                </a:lnTo>
                <a:cubicBezTo>
                  <a:pt x="2590180" y="2895520"/>
                  <a:pt x="2359911" y="3128654"/>
                  <a:pt x="2015984" y="3128654"/>
                </a:cubicBezTo>
                <a:cubicBezTo>
                  <a:pt x="1922717" y="3128654"/>
                  <a:pt x="1838202" y="3111014"/>
                  <a:pt x="1756572" y="3073262"/>
                </a:cubicBezTo>
                <a:lnTo>
                  <a:pt x="1844038" y="2761571"/>
                </a:lnTo>
                <a:cubicBezTo>
                  <a:pt x="1896456" y="2779074"/>
                  <a:pt x="1948909" y="2787791"/>
                  <a:pt x="1989724" y="2787791"/>
                </a:cubicBezTo>
                <a:cubicBezTo>
                  <a:pt x="2118006" y="2787791"/>
                  <a:pt x="2205438" y="2691627"/>
                  <a:pt x="2205438" y="2548857"/>
                </a:cubicBezTo>
                <a:close/>
                <a:moveTo>
                  <a:pt x="4139105" y="780499"/>
                </a:moveTo>
                <a:lnTo>
                  <a:pt x="4378642" y="1020017"/>
                </a:lnTo>
                <a:lnTo>
                  <a:pt x="4263474" y="1135365"/>
                </a:lnTo>
                <a:cubicBezTo>
                  <a:pt x="4343457" y="1255038"/>
                  <a:pt x="4390485" y="1401034"/>
                  <a:pt x="4390485" y="1565769"/>
                </a:cubicBezTo>
                <a:cubicBezTo>
                  <a:pt x="4390485" y="2023285"/>
                  <a:pt x="4028880" y="2335080"/>
                  <a:pt x="3597520" y="2335080"/>
                </a:cubicBezTo>
                <a:cubicBezTo>
                  <a:pt x="3442429" y="2335080"/>
                  <a:pt x="3296983" y="2295681"/>
                  <a:pt x="3173748" y="2224604"/>
                </a:cubicBezTo>
                <a:lnTo>
                  <a:pt x="3050169" y="2348155"/>
                </a:lnTo>
                <a:lnTo>
                  <a:pt x="2810563" y="2108707"/>
                </a:lnTo>
                <a:lnTo>
                  <a:pt x="2925320" y="1993976"/>
                </a:lnTo>
                <a:cubicBezTo>
                  <a:pt x="2845543" y="1875058"/>
                  <a:pt x="2798892" y="1729886"/>
                  <a:pt x="2798892" y="1565838"/>
                </a:cubicBezTo>
                <a:cubicBezTo>
                  <a:pt x="2798892" y="1108390"/>
                  <a:pt x="3160291" y="793644"/>
                  <a:pt x="3597486" y="793644"/>
                </a:cubicBezTo>
                <a:cubicBezTo>
                  <a:pt x="3749866" y="793644"/>
                  <a:pt x="3893424" y="833077"/>
                  <a:pt x="4015526" y="904050"/>
                </a:cubicBezTo>
                <a:close/>
                <a:moveTo>
                  <a:pt x="396379" y="435140"/>
                </a:moveTo>
                <a:lnTo>
                  <a:pt x="396379" y="1932956"/>
                </a:lnTo>
                <a:lnTo>
                  <a:pt x="846344" y="1932956"/>
                </a:lnTo>
                <a:cubicBezTo>
                  <a:pt x="1298059" y="1932956"/>
                  <a:pt x="1601274" y="1632830"/>
                  <a:pt x="1601274" y="1184065"/>
                </a:cubicBezTo>
                <a:cubicBezTo>
                  <a:pt x="1601274" y="735300"/>
                  <a:pt x="1298128" y="435140"/>
                  <a:pt x="846344" y="435140"/>
                </a:cubicBezTo>
                <a:close/>
                <a:moveTo>
                  <a:pt x="0" y="76739"/>
                </a:moveTo>
                <a:lnTo>
                  <a:pt x="820049" y="76739"/>
                </a:lnTo>
                <a:cubicBezTo>
                  <a:pt x="1528328" y="76739"/>
                  <a:pt x="2000502" y="519670"/>
                  <a:pt x="2000502" y="1184065"/>
                </a:cubicBezTo>
                <a:cubicBezTo>
                  <a:pt x="2000502" y="1848460"/>
                  <a:pt x="1528328" y="2291391"/>
                  <a:pt x="820049" y="2291391"/>
                </a:cubicBezTo>
                <a:lnTo>
                  <a:pt x="0" y="2291391"/>
                </a:lnTo>
                <a:close/>
                <a:moveTo>
                  <a:pt x="5214998" y="0"/>
                </a:moveTo>
                <a:cubicBezTo>
                  <a:pt x="5308265" y="0"/>
                  <a:pt x="5392780" y="17641"/>
                  <a:pt x="5474410" y="55393"/>
                </a:cubicBezTo>
                <a:lnTo>
                  <a:pt x="5386944" y="367187"/>
                </a:lnTo>
                <a:cubicBezTo>
                  <a:pt x="5334526" y="349684"/>
                  <a:pt x="5282074" y="340932"/>
                  <a:pt x="5241258" y="340932"/>
                </a:cubicBezTo>
                <a:cubicBezTo>
                  <a:pt x="5112976" y="340932"/>
                  <a:pt x="5025544" y="437131"/>
                  <a:pt x="5025544" y="579901"/>
                </a:cubicBezTo>
                <a:lnTo>
                  <a:pt x="5025544" y="837299"/>
                </a:lnTo>
                <a:lnTo>
                  <a:pt x="5553123" y="837402"/>
                </a:lnTo>
                <a:lnTo>
                  <a:pt x="5553123" y="1152113"/>
                </a:lnTo>
                <a:lnTo>
                  <a:pt x="5025544" y="1152113"/>
                </a:lnTo>
                <a:lnTo>
                  <a:pt x="5025544" y="2291528"/>
                </a:lnTo>
                <a:lnTo>
                  <a:pt x="4640802" y="2291528"/>
                </a:lnTo>
                <a:lnTo>
                  <a:pt x="4640802" y="1152113"/>
                </a:lnTo>
                <a:lnTo>
                  <a:pt x="4423612" y="1152113"/>
                </a:lnTo>
                <a:lnTo>
                  <a:pt x="4423612" y="837402"/>
                </a:lnTo>
                <a:lnTo>
                  <a:pt x="4640802" y="837402"/>
                </a:lnTo>
                <a:lnTo>
                  <a:pt x="4640802" y="580004"/>
                </a:lnTo>
                <a:cubicBezTo>
                  <a:pt x="4640802" y="233134"/>
                  <a:pt x="4871070" y="0"/>
                  <a:pt x="5214998" y="0"/>
                </a:cubicBezTo>
                <a:close/>
              </a:path>
            </a:pathLst>
          </a:custGeom>
          <a:solidFill>
            <a:srgbClr val="FFFFFF"/>
          </a:solidFill>
          <a:ln w="3432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sp>
        <p:nvSpPr>
          <p:cNvPr id="17" name="Text Placeholder 16"/>
          <p:cNvSpPr>
            <a:spLocks noGrp="1"/>
          </p:cNvSpPr>
          <p:nvPr>
            <p:ph type="body" sz="quarter" idx="13"/>
          </p:nvPr>
        </p:nvSpPr>
        <p:spPr bwMode="white">
          <a:xfrm>
            <a:off x="303750" y="7142400"/>
            <a:ext cx="1410750" cy="448000"/>
          </a:xfrm>
        </p:spPr>
        <p:txBody>
          <a:bodyPr anchor="b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1" name="Text Placeholder 16"/>
          <p:cNvSpPr>
            <a:spLocks noGrp="1"/>
          </p:cNvSpPr>
          <p:nvPr>
            <p:ph type="body" sz="quarter" idx="14"/>
          </p:nvPr>
        </p:nvSpPr>
        <p:spPr bwMode="white">
          <a:xfrm>
            <a:off x="303750" y="7587111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2" name="Text Placeholder 16"/>
          <p:cNvSpPr>
            <a:spLocks noGrp="1"/>
          </p:cNvSpPr>
          <p:nvPr>
            <p:ph type="body" sz="quarter" idx="15"/>
          </p:nvPr>
        </p:nvSpPr>
        <p:spPr bwMode="white">
          <a:xfrm>
            <a:off x="303750" y="8128000"/>
            <a:ext cx="1410750" cy="448000"/>
          </a:xfrm>
        </p:spPr>
        <p:txBody>
          <a:bodyPr anchor="b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3" name="Text Placeholder 16"/>
          <p:cNvSpPr>
            <a:spLocks noGrp="1"/>
          </p:cNvSpPr>
          <p:nvPr>
            <p:ph type="body" sz="quarter" idx="16"/>
          </p:nvPr>
        </p:nvSpPr>
        <p:spPr bwMode="white">
          <a:xfrm>
            <a:off x="303750" y="8576092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4" name="Text Placeholder 16"/>
          <p:cNvSpPr>
            <a:spLocks noGrp="1"/>
          </p:cNvSpPr>
          <p:nvPr>
            <p:ph type="body" sz="quarter" idx="17"/>
          </p:nvPr>
        </p:nvSpPr>
        <p:spPr bwMode="white">
          <a:xfrm>
            <a:off x="303750" y="9219689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12" name="Pladsholder til billede 11"/>
          <p:cNvSpPr>
            <a:spLocks noGrp="1"/>
          </p:cNvSpPr>
          <p:nvPr>
            <p:ph type="pic" sz="quarter" idx="18"/>
          </p:nvPr>
        </p:nvSpPr>
        <p:spPr>
          <a:xfrm>
            <a:off x="303610" y="3812823"/>
            <a:ext cx="972000" cy="3072000"/>
          </a:xfrm>
          <a:prstGeom prst="ellipse">
            <a:avLst/>
          </a:prstGeom>
          <a:noFill/>
        </p:spPr>
        <p:txBody>
          <a:bodyPr/>
          <a:lstStyle>
            <a:lvl1pPr marL="0" indent="0">
              <a:buNone/>
              <a:defRPr sz="563">
                <a:solidFill>
                  <a:schemeClr val="tx1"/>
                </a:solidFill>
              </a:defRPr>
            </a:lvl1pPr>
          </a:lstStyle>
          <a:p>
            <a:pPr lvl="0"/>
            <a:r>
              <a:rPr lang="da-DK" noProof="0"/>
              <a:t>Klik på ikonet for at tilføje et billede</a:t>
            </a:r>
            <a:endParaRPr lang="da-DK" noProof="0" dirty="0"/>
          </a:p>
        </p:txBody>
      </p:sp>
      <p:sp>
        <p:nvSpPr>
          <p:cNvPr id="13" name="Pladsholder til billede 11"/>
          <p:cNvSpPr>
            <a:spLocks noGrp="1"/>
          </p:cNvSpPr>
          <p:nvPr>
            <p:ph type="pic" sz="quarter" idx="19"/>
          </p:nvPr>
        </p:nvSpPr>
        <p:spPr>
          <a:xfrm>
            <a:off x="1916907" y="3812823"/>
            <a:ext cx="972000" cy="3072000"/>
          </a:xfrm>
          <a:prstGeom prst="ellipse">
            <a:avLst/>
          </a:prstGeom>
          <a:noFill/>
        </p:spPr>
        <p:txBody>
          <a:bodyPr/>
          <a:lstStyle>
            <a:lvl1pPr marL="0" indent="0">
              <a:buNone/>
              <a:defRPr sz="563">
                <a:solidFill>
                  <a:schemeClr val="tx1"/>
                </a:solidFill>
              </a:defRPr>
            </a:lvl1pPr>
          </a:lstStyle>
          <a:p>
            <a:pPr lvl="0"/>
            <a:r>
              <a:rPr lang="da-DK" noProof="0"/>
              <a:t>Klik på ikonet for at tilføje et billede</a:t>
            </a:r>
            <a:endParaRPr lang="da-DK" noProof="0" dirty="0"/>
          </a:p>
        </p:txBody>
      </p:sp>
      <p:sp>
        <p:nvSpPr>
          <p:cNvPr id="14" name="Pladsholder til billede 11"/>
          <p:cNvSpPr>
            <a:spLocks noGrp="1"/>
          </p:cNvSpPr>
          <p:nvPr>
            <p:ph type="pic" sz="quarter" idx="20"/>
          </p:nvPr>
        </p:nvSpPr>
        <p:spPr>
          <a:xfrm>
            <a:off x="3530203" y="3812823"/>
            <a:ext cx="972000" cy="3072000"/>
          </a:xfrm>
          <a:prstGeom prst="ellipse">
            <a:avLst/>
          </a:prstGeom>
          <a:noFill/>
        </p:spPr>
        <p:txBody>
          <a:bodyPr/>
          <a:lstStyle>
            <a:lvl1pPr marL="0" indent="0">
              <a:buNone/>
              <a:defRPr sz="563">
                <a:solidFill>
                  <a:schemeClr val="tx1"/>
                </a:solidFill>
              </a:defRPr>
            </a:lvl1pPr>
          </a:lstStyle>
          <a:p>
            <a:pPr lvl="0"/>
            <a:r>
              <a:rPr lang="da-DK" noProof="0"/>
              <a:t>Klik på ikonet for at tilføje et billede</a:t>
            </a:r>
            <a:endParaRPr lang="da-DK" noProof="0" dirty="0"/>
          </a:p>
        </p:txBody>
      </p:sp>
      <p:sp>
        <p:nvSpPr>
          <p:cNvPr id="15" name="Pladsholder til billede 11"/>
          <p:cNvSpPr>
            <a:spLocks noGrp="1"/>
          </p:cNvSpPr>
          <p:nvPr>
            <p:ph type="pic" sz="quarter" idx="21"/>
          </p:nvPr>
        </p:nvSpPr>
        <p:spPr>
          <a:xfrm>
            <a:off x="5143500" y="3812823"/>
            <a:ext cx="972000" cy="3072000"/>
          </a:xfrm>
          <a:prstGeom prst="ellipse">
            <a:avLst/>
          </a:prstGeom>
          <a:noFill/>
        </p:spPr>
        <p:txBody>
          <a:bodyPr/>
          <a:lstStyle>
            <a:lvl1pPr marL="0" indent="0">
              <a:buNone/>
              <a:defRPr sz="563">
                <a:solidFill>
                  <a:schemeClr val="tx1"/>
                </a:solidFill>
              </a:defRPr>
            </a:lvl1pPr>
          </a:lstStyle>
          <a:p>
            <a:pPr lvl="0"/>
            <a:r>
              <a:rPr lang="da-DK" noProof="0"/>
              <a:t>Klik på ikonet for at tilføje et billede</a:t>
            </a:r>
            <a:endParaRPr lang="da-DK" noProof="0" dirty="0"/>
          </a:p>
        </p:txBody>
      </p:sp>
      <p:sp>
        <p:nvSpPr>
          <p:cNvPr id="16" name="Text Placeholder 17"/>
          <p:cNvSpPr>
            <a:spLocks noGrp="1"/>
          </p:cNvSpPr>
          <p:nvPr>
            <p:ph type="body" sz="quarter" idx="22"/>
          </p:nvPr>
        </p:nvSpPr>
        <p:spPr bwMode="white">
          <a:xfrm>
            <a:off x="1916898" y="7142400"/>
            <a:ext cx="1410750" cy="448000"/>
          </a:xfrm>
        </p:spPr>
        <p:txBody>
          <a:bodyPr anchor="b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19" name="Text Placeholder 17"/>
          <p:cNvSpPr>
            <a:spLocks noGrp="1"/>
          </p:cNvSpPr>
          <p:nvPr>
            <p:ph type="body" sz="quarter" idx="23"/>
          </p:nvPr>
        </p:nvSpPr>
        <p:spPr bwMode="white">
          <a:xfrm>
            <a:off x="1916898" y="7587111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0" name="Text Placeholder 17"/>
          <p:cNvSpPr>
            <a:spLocks noGrp="1"/>
          </p:cNvSpPr>
          <p:nvPr>
            <p:ph type="body" sz="quarter" idx="24"/>
          </p:nvPr>
        </p:nvSpPr>
        <p:spPr bwMode="white">
          <a:xfrm>
            <a:off x="1916898" y="8128000"/>
            <a:ext cx="1410750" cy="448000"/>
          </a:xfrm>
        </p:spPr>
        <p:txBody>
          <a:bodyPr anchor="b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5" name="Text Placeholder 17"/>
          <p:cNvSpPr>
            <a:spLocks noGrp="1"/>
          </p:cNvSpPr>
          <p:nvPr>
            <p:ph type="body" sz="quarter" idx="25"/>
          </p:nvPr>
        </p:nvSpPr>
        <p:spPr bwMode="white">
          <a:xfrm>
            <a:off x="1916898" y="8576092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6" name="Text Placeholder 17"/>
          <p:cNvSpPr>
            <a:spLocks noGrp="1"/>
          </p:cNvSpPr>
          <p:nvPr>
            <p:ph type="body" sz="quarter" idx="26"/>
          </p:nvPr>
        </p:nvSpPr>
        <p:spPr bwMode="white">
          <a:xfrm>
            <a:off x="1916898" y="9219689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7" name="Text Placeholder 18"/>
          <p:cNvSpPr>
            <a:spLocks noGrp="1"/>
          </p:cNvSpPr>
          <p:nvPr>
            <p:ph type="body" sz="quarter" idx="27"/>
          </p:nvPr>
        </p:nvSpPr>
        <p:spPr bwMode="white">
          <a:xfrm>
            <a:off x="3529906" y="7142400"/>
            <a:ext cx="1410750" cy="448000"/>
          </a:xfrm>
        </p:spPr>
        <p:txBody>
          <a:bodyPr anchor="b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8" name="Text Placeholder 18"/>
          <p:cNvSpPr>
            <a:spLocks noGrp="1"/>
          </p:cNvSpPr>
          <p:nvPr>
            <p:ph type="body" sz="quarter" idx="28"/>
          </p:nvPr>
        </p:nvSpPr>
        <p:spPr bwMode="white">
          <a:xfrm>
            <a:off x="3529906" y="7587111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9" name="Text Placeholder 18"/>
          <p:cNvSpPr>
            <a:spLocks noGrp="1"/>
          </p:cNvSpPr>
          <p:nvPr>
            <p:ph type="body" sz="quarter" idx="29"/>
          </p:nvPr>
        </p:nvSpPr>
        <p:spPr bwMode="white">
          <a:xfrm>
            <a:off x="3529906" y="8128000"/>
            <a:ext cx="1410750" cy="448000"/>
          </a:xfrm>
        </p:spPr>
        <p:txBody>
          <a:bodyPr anchor="b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30" name="Text Placeholder 18"/>
          <p:cNvSpPr>
            <a:spLocks noGrp="1"/>
          </p:cNvSpPr>
          <p:nvPr>
            <p:ph type="body" sz="quarter" idx="30"/>
          </p:nvPr>
        </p:nvSpPr>
        <p:spPr bwMode="white">
          <a:xfrm>
            <a:off x="3529906" y="8576092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31" name="Text Placeholder 18"/>
          <p:cNvSpPr>
            <a:spLocks noGrp="1"/>
          </p:cNvSpPr>
          <p:nvPr>
            <p:ph type="body" sz="quarter" idx="31"/>
          </p:nvPr>
        </p:nvSpPr>
        <p:spPr bwMode="white">
          <a:xfrm>
            <a:off x="3529906" y="9219689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32" name="Text Placeholder 19"/>
          <p:cNvSpPr>
            <a:spLocks noGrp="1"/>
          </p:cNvSpPr>
          <p:nvPr>
            <p:ph type="body" sz="quarter" idx="32"/>
          </p:nvPr>
        </p:nvSpPr>
        <p:spPr bwMode="white">
          <a:xfrm>
            <a:off x="5143500" y="7138948"/>
            <a:ext cx="1410750" cy="448000"/>
          </a:xfrm>
        </p:spPr>
        <p:txBody>
          <a:bodyPr anchor="b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33" name="Text Placeholder 19"/>
          <p:cNvSpPr>
            <a:spLocks noGrp="1"/>
          </p:cNvSpPr>
          <p:nvPr>
            <p:ph type="body" sz="quarter" idx="33"/>
          </p:nvPr>
        </p:nvSpPr>
        <p:spPr bwMode="white">
          <a:xfrm>
            <a:off x="5143500" y="7583659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34" name="Text Placeholder 19"/>
          <p:cNvSpPr>
            <a:spLocks noGrp="1"/>
          </p:cNvSpPr>
          <p:nvPr>
            <p:ph type="body" sz="quarter" idx="34"/>
          </p:nvPr>
        </p:nvSpPr>
        <p:spPr bwMode="white">
          <a:xfrm>
            <a:off x="5143500" y="8124548"/>
            <a:ext cx="1410750" cy="448000"/>
          </a:xfrm>
        </p:spPr>
        <p:txBody>
          <a:bodyPr anchor="b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35" name="Text Placeholder 19"/>
          <p:cNvSpPr>
            <a:spLocks noGrp="1"/>
          </p:cNvSpPr>
          <p:nvPr>
            <p:ph type="body" sz="quarter" idx="35"/>
          </p:nvPr>
        </p:nvSpPr>
        <p:spPr bwMode="white">
          <a:xfrm>
            <a:off x="5143500" y="8572640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36" name="Text Placeholder 19"/>
          <p:cNvSpPr>
            <a:spLocks noGrp="1"/>
          </p:cNvSpPr>
          <p:nvPr>
            <p:ph type="body" sz="quarter" idx="36"/>
          </p:nvPr>
        </p:nvSpPr>
        <p:spPr bwMode="white">
          <a:xfrm>
            <a:off x="5143500" y="9216236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4" name="Date Placeholder 2">
            <a:extLst>
              <a:ext uri="{FF2B5EF4-FFF2-40B4-BE49-F238E27FC236}">
                <a16:creationId xmlns:a16="http://schemas.microsoft.com/office/drawing/2014/main" id="{90E90022-9139-F810-48F6-A82B081F1AAF}"/>
              </a:ext>
            </a:extLst>
          </p:cNvPr>
          <p:cNvSpPr>
            <a:spLocks noGrp="1"/>
          </p:cNvSpPr>
          <p:nvPr>
            <p:ph type="dt" sz="half" idx="37"/>
          </p:nvPr>
        </p:nvSpPr>
        <p:spPr bwMode="white"/>
        <p:txBody>
          <a:bodyPr/>
          <a:lstStyle>
            <a:lvl1pPr>
              <a:defRPr/>
            </a:lvl1pPr>
          </a:lstStyle>
          <a:p>
            <a:pPr>
              <a:defRPr/>
            </a:pPr>
            <a:fld id="{B34C6C98-1C56-419D-B173-E0AABEFCA19E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5" name="Footer Placeholder 3">
            <a:extLst>
              <a:ext uri="{FF2B5EF4-FFF2-40B4-BE49-F238E27FC236}">
                <a16:creationId xmlns:a16="http://schemas.microsoft.com/office/drawing/2014/main" id="{D3EC7CFD-1BE5-933F-05C7-F169F4E770FB}"/>
              </a:ext>
            </a:extLst>
          </p:cNvPr>
          <p:cNvSpPr>
            <a:spLocks noGrp="1"/>
          </p:cNvSpPr>
          <p:nvPr>
            <p:ph type="ftr" sz="quarter" idx="38"/>
          </p:nvPr>
        </p:nvSpPr>
        <p:spPr bwMode="white"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6" name="Slide Number Placeholder 4">
            <a:extLst>
              <a:ext uri="{FF2B5EF4-FFF2-40B4-BE49-F238E27FC236}">
                <a16:creationId xmlns:a16="http://schemas.microsoft.com/office/drawing/2014/main" id="{0CDEFDA2-BBBA-D0E2-CE93-1C9CF48BD391}"/>
              </a:ext>
            </a:extLst>
          </p:cNvPr>
          <p:cNvSpPr>
            <a:spLocks noGrp="1"/>
          </p:cNvSpPr>
          <p:nvPr>
            <p:ph type="sldNum" sz="quarter" idx="39"/>
          </p:nvPr>
        </p:nvSpPr>
        <p:spPr bwMode="white"/>
        <p:txBody>
          <a:bodyPr/>
          <a:lstStyle>
            <a:lvl1pPr>
              <a:defRPr/>
            </a:lvl1pPr>
          </a:lstStyle>
          <a:p>
            <a:pPr>
              <a:defRPr/>
            </a:pPr>
            <a:fld id="{89D0F0A9-3D81-4848-A0B6-BF33ED0C18A9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418638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6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Kontakt (otte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ggrund">
            <a:extLst>
              <a:ext uri="{FF2B5EF4-FFF2-40B4-BE49-F238E27FC236}">
                <a16:creationId xmlns:a16="http://schemas.microsoft.com/office/drawing/2014/main" id="{2F3C29C0-5E6A-D490-3CDC-4F237653D882}"/>
              </a:ext>
            </a:extLst>
          </p:cNvPr>
          <p:cNvSpPr/>
          <p:nvPr/>
        </p:nvSpPr>
        <p:spPr bwMode="ltGray">
          <a:xfrm>
            <a:off x="0" y="0"/>
            <a:ext cx="6858000" cy="12192000"/>
          </a:xfrm>
          <a:custGeom>
            <a:avLst/>
            <a:gdLst>
              <a:gd name="connsiteX0" fmla="*/ 0 w 10572750"/>
              <a:gd name="connsiteY0" fmla="*/ 0 h 10287000"/>
              <a:gd name="connsiteX1" fmla="*/ 10572750 w 10572750"/>
              <a:gd name="connsiteY1" fmla="*/ 0 h 10287000"/>
              <a:gd name="connsiteX2" fmla="*/ 10572750 w 10572750"/>
              <a:gd name="connsiteY2" fmla="*/ 10287000 h 10287000"/>
              <a:gd name="connsiteX3" fmla="*/ 0 w 10572750"/>
              <a:gd name="connsiteY3" fmla="*/ 10287000 h 10287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572750" h="10287000">
                <a:moveTo>
                  <a:pt x="0" y="0"/>
                </a:moveTo>
                <a:lnTo>
                  <a:pt x="10572750" y="0"/>
                </a:lnTo>
                <a:lnTo>
                  <a:pt x="10572750" y="10287000"/>
                </a:lnTo>
                <a:lnTo>
                  <a:pt x="0" y="10287000"/>
                </a:lnTo>
                <a:close/>
              </a:path>
            </a:pathLst>
          </a:custGeom>
          <a:solidFill>
            <a:schemeClr val="accent1"/>
          </a:solidFill>
          <a:ln w="9525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sp>
        <p:nvSpPr>
          <p:cNvPr id="3" name="Logo">
            <a:extLst>
              <a:ext uri="{FF2B5EF4-FFF2-40B4-BE49-F238E27FC236}">
                <a16:creationId xmlns:a16="http://schemas.microsoft.com/office/drawing/2014/main" id="{C9A95627-054D-87E4-98E7-DDCDDD9AC822}"/>
              </a:ext>
            </a:extLst>
          </p:cNvPr>
          <p:cNvSpPr/>
          <p:nvPr userDrawn="1"/>
        </p:nvSpPr>
        <p:spPr bwMode="white">
          <a:xfrm>
            <a:off x="6197600" y="639763"/>
            <a:ext cx="355600" cy="635000"/>
          </a:xfrm>
          <a:custGeom>
            <a:avLst/>
            <a:gdLst>
              <a:gd name="connsiteX0" fmla="*/ 3991223 w 5553123"/>
              <a:gd name="connsiteY0" fmla="*/ 1407246 h 3128654"/>
              <a:gd name="connsiteX1" fmla="*/ 3430346 w 5553123"/>
              <a:gd name="connsiteY1" fmla="*/ 1968030 h 3128654"/>
              <a:gd name="connsiteX2" fmla="*/ 3597555 w 5553123"/>
              <a:gd name="connsiteY2" fmla="*/ 1999879 h 3128654"/>
              <a:gd name="connsiteX3" fmla="*/ 4017277 w 5553123"/>
              <a:gd name="connsiteY3" fmla="*/ 1565700 h 3128654"/>
              <a:gd name="connsiteX4" fmla="*/ 4017243 w 5553123"/>
              <a:gd name="connsiteY4" fmla="*/ 1565803 h 3128654"/>
              <a:gd name="connsiteX5" fmla="*/ 3991223 w 5553123"/>
              <a:gd name="connsiteY5" fmla="*/ 1407246 h 3128654"/>
              <a:gd name="connsiteX6" fmla="*/ 3597692 w 5553123"/>
              <a:gd name="connsiteY6" fmla="*/ 1131487 h 3128654"/>
              <a:gd name="connsiteX7" fmla="*/ 3172031 w 5553123"/>
              <a:gd name="connsiteY7" fmla="*/ 1565700 h 3128654"/>
              <a:gd name="connsiteX8" fmla="*/ 3171997 w 5553123"/>
              <a:gd name="connsiteY8" fmla="*/ 1565803 h 3128654"/>
              <a:gd name="connsiteX9" fmla="*/ 3197296 w 5553123"/>
              <a:gd name="connsiteY9" fmla="*/ 1722061 h 3128654"/>
              <a:gd name="connsiteX10" fmla="*/ 3757830 w 5553123"/>
              <a:gd name="connsiteY10" fmla="*/ 1161723 h 3128654"/>
              <a:gd name="connsiteX11" fmla="*/ 3597692 w 5553123"/>
              <a:gd name="connsiteY11" fmla="*/ 1131487 h 3128654"/>
              <a:gd name="connsiteX12" fmla="*/ 2205438 w 5553123"/>
              <a:gd name="connsiteY12" fmla="*/ 837298 h 3128654"/>
              <a:gd name="connsiteX13" fmla="*/ 2590180 w 5553123"/>
              <a:gd name="connsiteY13" fmla="*/ 837298 h 3128654"/>
              <a:gd name="connsiteX14" fmla="*/ 2590180 w 5553123"/>
              <a:gd name="connsiteY14" fmla="*/ 2548651 h 3128654"/>
              <a:gd name="connsiteX15" fmla="*/ 2015984 w 5553123"/>
              <a:gd name="connsiteY15" fmla="*/ 3128654 h 3128654"/>
              <a:gd name="connsiteX16" fmla="*/ 1756572 w 5553123"/>
              <a:gd name="connsiteY16" fmla="*/ 3073262 h 3128654"/>
              <a:gd name="connsiteX17" fmla="*/ 1844038 w 5553123"/>
              <a:gd name="connsiteY17" fmla="*/ 2761571 h 3128654"/>
              <a:gd name="connsiteX18" fmla="*/ 1989724 w 5553123"/>
              <a:gd name="connsiteY18" fmla="*/ 2787791 h 3128654"/>
              <a:gd name="connsiteX19" fmla="*/ 2205438 w 5553123"/>
              <a:gd name="connsiteY19" fmla="*/ 2548857 h 3128654"/>
              <a:gd name="connsiteX20" fmla="*/ 4139105 w 5553123"/>
              <a:gd name="connsiteY20" fmla="*/ 780499 h 3128654"/>
              <a:gd name="connsiteX21" fmla="*/ 4378642 w 5553123"/>
              <a:gd name="connsiteY21" fmla="*/ 1020017 h 3128654"/>
              <a:gd name="connsiteX22" fmla="*/ 4263474 w 5553123"/>
              <a:gd name="connsiteY22" fmla="*/ 1135365 h 3128654"/>
              <a:gd name="connsiteX23" fmla="*/ 4390485 w 5553123"/>
              <a:gd name="connsiteY23" fmla="*/ 1565769 h 3128654"/>
              <a:gd name="connsiteX24" fmla="*/ 3597520 w 5553123"/>
              <a:gd name="connsiteY24" fmla="*/ 2335080 h 3128654"/>
              <a:gd name="connsiteX25" fmla="*/ 3173748 w 5553123"/>
              <a:gd name="connsiteY25" fmla="*/ 2224604 h 3128654"/>
              <a:gd name="connsiteX26" fmla="*/ 3050169 w 5553123"/>
              <a:gd name="connsiteY26" fmla="*/ 2348155 h 3128654"/>
              <a:gd name="connsiteX27" fmla="*/ 2810563 w 5553123"/>
              <a:gd name="connsiteY27" fmla="*/ 2108707 h 3128654"/>
              <a:gd name="connsiteX28" fmla="*/ 2925320 w 5553123"/>
              <a:gd name="connsiteY28" fmla="*/ 1993976 h 3128654"/>
              <a:gd name="connsiteX29" fmla="*/ 2798892 w 5553123"/>
              <a:gd name="connsiteY29" fmla="*/ 1565838 h 3128654"/>
              <a:gd name="connsiteX30" fmla="*/ 3597486 w 5553123"/>
              <a:gd name="connsiteY30" fmla="*/ 793644 h 3128654"/>
              <a:gd name="connsiteX31" fmla="*/ 4015526 w 5553123"/>
              <a:gd name="connsiteY31" fmla="*/ 904050 h 3128654"/>
              <a:gd name="connsiteX32" fmla="*/ 396379 w 5553123"/>
              <a:gd name="connsiteY32" fmla="*/ 435140 h 3128654"/>
              <a:gd name="connsiteX33" fmla="*/ 396379 w 5553123"/>
              <a:gd name="connsiteY33" fmla="*/ 1932956 h 3128654"/>
              <a:gd name="connsiteX34" fmla="*/ 846344 w 5553123"/>
              <a:gd name="connsiteY34" fmla="*/ 1932956 h 3128654"/>
              <a:gd name="connsiteX35" fmla="*/ 1601274 w 5553123"/>
              <a:gd name="connsiteY35" fmla="*/ 1184065 h 3128654"/>
              <a:gd name="connsiteX36" fmla="*/ 846344 w 5553123"/>
              <a:gd name="connsiteY36" fmla="*/ 435140 h 3128654"/>
              <a:gd name="connsiteX37" fmla="*/ 0 w 5553123"/>
              <a:gd name="connsiteY37" fmla="*/ 76739 h 3128654"/>
              <a:gd name="connsiteX38" fmla="*/ 820049 w 5553123"/>
              <a:gd name="connsiteY38" fmla="*/ 76739 h 3128654"/>
              <a:gd name="connsiteX39" fmla="*/ 2000502 w 5553123"/>
              <a:gd name="connsiteY39" fmla="*/ 1184065 h 3128654"/>
              <a:gd name="connsiteX40" fmla="*/ 820049 w 5553123"/>
              <a:gd name="connsiteY40" fmla="*/ 2291391 h 3128654"/>
              <a:gd name="connsiteX41" fmla="*/ 0 w 5553123"/>
              <a:gd name="connsiteY41" fmla="*/ 2291391 h 3128654"/>
              <a:gd name="connsiteX42" fmla="*/ 5214998 w 5553123"/>
              <a:gd name="connsiteY42" fmla="*/ 0 h 3128654"/>
              <a:gd name="connsiteX43" fmla="*/ 5474410 w 5553123"/>
              <a:gd name="connsiteY43" fmla="*/ 55393 h 3128654"/>
              <a:gd name="connsiteX44" fmla="*/ 5386944 w 5553123"/>
              <a:gd name="connsiteY44" fmla="*/ 367187 h 3128654"/>
              <a:gd name="connsiteX45" fmla="*/ 5241258 w 5553123"/>
              <a:gd name="connsiteY45" fmla="*/ 340932 h 3128654"/>
              <a:gd name="connsiteX46" fmla="*/ 5025544 w 5553123"/>
              <a:gd name="connsiteY46" fmla="*/ 579901 h 3128654"/>
              <a:gd name="connsiteX47" fmla="*/ 5025544 w 5553123"/>
              <a:gd name="connsiteY47" fmla="*/ 837299 h 3128654"/>
              <a:gd name="connsiteX48" fmla="*/ 5553123 w 5553123"/>
              <a:gd name="connsiteY48" fmla="*/ 837402 h 3128654"/>
              <a:gd name="connsiteX49" fmla="*/ 5553123 w 5553123"/>
              <a:gd name="connsiteY49" fmla="*/ 1152113 h 3128654"/>
              <a:gd name="connsiteX50" fmla="*/ 5025544 w 5553123"/>
              <a:gd name="connsiteY50" fmla="*/ 1152113 h 3128654"/>
              <a:gd name="connsiteX51" fmla="*/ 5025544 w 5553123"/>
              <a:gd name="connsiteY51" fmla="*/ 2291528 h 3128654"/>
              <a:gd name="connsiteX52" fmla="*/ 4640802 w 5553123"/>
              <a:gd name="connsiteY52" fmla="*/ 2291528 h 3128654"/>
              <a:gd name="connsiteX53" fmla="*/ 4640802 w 5553123"/>
              <a:gd name="connsiteY53" fmla="*/ 1152113 h 3128654"/>
              <a:gd name="connsiteX54" fmla="*/ 4423612 w 5553123"/>
              <a:gd name="connsiteY54" fmla="*/ 1152113 h 3128654"/>
              <a:gd name="connsiteX55" fmla="*/ 4423612 w 5553123"/>
              <a:gd name="connsiteY55" fmla="*/ 837402 h 3128654"/>
              <a:gd name="connsiteX56" fmla="*/ 4640802 w 5553123"/>
              <a:gd name="connsiteY56" fmla="*/ 837402 h 3128654"/>
              <a:gd name="connsiteX57" fmla="*/ 4640802 w 5553123"/>
              <a:gd name="connsiteY57" fmla="*/ 580004 h 3128654"/>
              <a:gd name="connsiteX58" fmla="*/ 5214998 w 5553123"/>
              <a:gd name="connsiteY58" fmla="*/ 0 h 31286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5553123" h="3128654">
                <a:moveTo>
                  <a:pt x="3991223" y="1407246"/>
                </a:moveTo>
                <a:lnTo>
                  <a:pt x="3430346" y="1968030"/>
                </a:lnTo>
                <a:cubicBezTo>
                  <a:pt x="3483553" y="1989213"/>
                  <a:pt x="3540297" y="2000023"/>
                  <a:pt x="3597555" y="1999879"/>
                </a:cubicBezTo>
                <a:cubicBezTo>
                  <a:pt x="3819070" y="1999879"/>
                  <a:pt x="4017277" y="1836826"/>
                  <a:pt x="4017277" y="1565700"/>
                </a:cubicBezTo>
                <a:lnTo>
                  <a:pt x="4017243" y="1565803"/>
                </a:lnTo>
                <a:cubicBezTo>
                  <a:pt x="4017518" y="1511866"/>
                  <a:pt x="4008729" y="1458269"/>
                  <a:pt x="3991223" y="1407246"/>
                </a:cubicBezTo>
                <a:close/>
                <a:moveTo>
                  <a:pt x="3597692" y="1131487"/>
                </a:moveTo>
                <a:cubicBezTo>
                  <a:pt x="3370204" y="1131487"/>
                  <a:pt x="3172031" y="1294574"/>
                  <a:pt x="3172031" y="1565700"/>
                </a:cubicBezTo>
                <a:lnTo>
                  <a:pt x="3171997" y="1565803"/>
                </a:lnTo>
                <a:cubicBezTo>
                  <a:pt x="3171757" y="1618927"/>
                  <a:pt x="3180304" y="1671724"/>
                  <a:pt x="3197296" y="1722061"/>
                </a:cubicBezTo>
                <a:lnTo>
                  <a:pt x="3757830" y="1161723"/>
                </a:lnTo>
                <a:cubicBezTo>
                  <a:pt x="3706819" y="1141649"/>
                  <a:pt x="3652513" y="1131391"/>
                  <a:pt x="3597692" y="1131487"/>
                </a:cubicBezTo>
                <a:close/>
                <a:moveTo>
                  <a:pt x="2205438" y="837298"/>
                </a:moveTo>
                <a:lnTo>
                  <a:pt x="2590180" y="837298"/>
                </a:lnTo>
                <a:lnTo>
                  <a:pt x="2590180" y="2548651"/>
                </a:lnTo>
                <a:cubicBezTo>
                  <a:pt x="2590180" y="2895520"/>
                  <a:pt x="2359911" y="3128654"/>
                  <a:pt x="2015984" y="3128654"/>
                </a:cubicBezTo>
                <a:cubicBezTo>
                  <a:pt x="1922717" y="3128654"/>
                  <a:pt x="1838202" y="3111014"/>
                  <a:pt x="1756572" y="3073262"/>
                </a:cubicBezTo>
                <a:lnTo>
                  <a:pt x="1844038" y="2761571"/>
                </a:lnTo>
                <a:cubicBezTo>
                  <a:pt x="1896456" y="2779074"/>
                  <a:pt x="1948909" y="2787791"/>
                  <a:pt x="1989724" y="2787791"/>
                </a:cubicBezTo>
                <a:cubicBezTo>
                  <a:pt x="2118006" y="2787791"/>
                  <a:pt x="2205438" y="2691627"/>
                  <a:pt x="2205438" y="2548857"/>
                </a:cubicBezTo>
                <a:close/>
                <a:moveTo>
                  <a:pt x="4139105" y="780499"/>
                </a:moveTo>
                <a:lnTo>
                  <a:pt x="4378642" y="1020017"/>
                </a:lnTo>
                <a:lnTo>
                  <a:pt x="4263474" y="1135365"/>
                </a:lnTo>
                <a:cubicBezTo>
                  <a:pt x="4343457" y="1255038"/>
                  <a:pt x="4390485" y="1401034"/>
                  <a:pt x="4390485" y="1565769"/>
                </a:cubicBezTo>
                <a:cubicBezTo>
                  <a:pt x="4390485" y="2023285"/>
                  <a:pt x="4028880" y="2335080"/>
                  <a:pt x="3597520" y="2335080"/>
                </a:cubicBezTo>
                <a:cubicBezTo>
                  <a:pt x="3442429" y="2335080"/>
                  <a:pt x="3296983" y="2295681"/>
                  <a:pt x="3173748" y="2224604"/>
                </a:cubicBezTo>
                <a:lnTo>
                  <a:pt x="3050169" y="2348155"/>
                </a:lnTo>
                <a:lnTo>
                  <a:pt x="2810563" y="2108707"/>
                </a:lnTo>
                <a:lnTo>
                  <a:pt x="2925320" y="1993976"/>
                </a:lnTo>
                <a:cubicBezTo>
                  <a:pt x="2845543" y="1875058"/>
                  <a:pt x="2798892" y="1729886"/>
                  <a:pt x="2798892" y="1565838"/>
                </a:cubicBezTo>
                <a:cubicBezTo>
                  <a:pt x="2798892" y="1108390"/>
                  <a:pt x="3160291" y="793644"/>
                  <a:pt x="3597486" y="793644"/>
                </a:cubicBezTo>
                <a:cubicBezTo>
                  <a:pt x="3749866" y="793644"/>
                  <a:pt x="3893424" y="833077"/>
                  <a:pt x="4015526" y="904050"/>
                </a:cubicBezTo>
                <a:close/>
                <a:moveTo>
                  <a:pt x="396379" y="435140"/>
                </a:moveTo>
                <a:lnTo>
                  <a:pt x="396379" y="1932956"/>
                </a:lnTo>
                <a:lnTo>
                  <a:pt x="846344" y="1932956"/>
                </a:lnTo>
                <a:cubicBezTo>
                  <a:pt x="1298059" y="1932956"/>
                  <a:pt x="1601274" y="1632830"/>
                  <a:pt x="1601274" y="1184065"/>
                </a:cubicBezTo>
                <a:cubicBezTo>
                  <a:pt x="1601274" y="735300"/>
                  <a:pt x="1298128" y="435140"/>
                  <a:pt x="846344" y="435140"/>
                </a:cubicBezTo>
                <a:close/>
                <a:moveTo>
                  <a:pt x="0" y="76739"/>
                </a:moveTo>
                <a:lnTo>
                  <a:pt x="820049" y="76739"/>
                </a:lnTo>
                <a:cubicBezTo>
                  <a:pt x="1528328" y="76739"/>
                  <a:pt x="2000502" y="519670"/>
                  <a:pt x="2000502" y="1184065"/>
                </a:cubicBezTo>
                <a:cubicBezTo>
                  <a:pt x="2000502" y="1848460"/>
                  <a:pt x="1528328" y="2291391"/>
                  <a:pt x="820049" y="2291391"/>
                </a:cubicBezTo>
                <a:lnTo>
                  <a:pt x="0" y="2291391"/>
                </a:lnTo>
                <a:close/>
                <a:moveTo>
                  <a:pt x="5214998" y="0"/>
                </a:moveTo>
                <a:cubicBezTo>
                  <a:pt x="5308265" y="0"/>
                  <a:pt x="5392780" y="17641"/>
                  <a:pt x="5474410" y="55393"/>
                </a:cubicBezTo>
                <a:lnTo>
                  <a:pt x="5386944" y="367187"/>
                </a:lnTo>
                <a:cubicBezTo>
                  <a:pt x="5334526" y="349684"/>
                  <a:pt x="5282074" y="340932"/>
                  <a:pt x="5241258" y="340932"/>
                </a:cubicBezTo>
                <a:cubicBezTo>
                  <a:pt x="5112976" y="340932"/>
                  <a:pt x="5025544" y="437131"/>
                  <a:pt x="5025544" y="579901"/>
                </a:cubicBezTo>
                <a:lnTo>
                  <a:pt x="5025544" y="837299"/>
                </a:lnTo>
                <a:lnTo>
                  <a:pt x="5553123" y="837402"/>
                </a:lnTo>
                <a:lnTo>
                  <a:pt x="5553123" y="1152113"/>
                </a:lnTo>
                <a:lnTo>
                  <a:pt x="5025544" y="1152113"/>
                </a:lnTo>
                <a:lnTo>
                  <a:pt x="5025544" y="2291528"/>
                </a:lnTo>
                <a:lnTo>
                  <a:pt x="4640802" y="2291528"/>
                </a:lnTo>
                <a:lnTo>
                  <a:pt x="4640802" y="1152113"/>
                </a:lnTo>
                <a:lnTo>
                  <a:pt x="4423612" y="1152113"/>
                </a:lnTo>
                <a:lnTo>
                  <a:pt x="4423612" y="837402"/>
                </a:lnTo>
                <a:lnTo>
                  <a:pt x="4640802" y="837402"/>
                </a:lnTo>
                <a:lnTo>
                  <a:pt x="4640802" y="580004"/>
                </a:lnTo>
                <a:cubicBezTo>
                  <a:pt x="4640802" y="233134"/>
                  <a:pt x="4871070" y="0"/>
                  <a:pt x="5214998" y="0"/>
                </a:cubicBezTo>
                <a:close/>
              </a:path>
            </a:pathLst>
          </a:custGeom>
          <a:solidFill>
            <a:srgbClr val="FFFFFF"/>
          </a:solidFill>
          <a:ln w="3432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sp>
        <p:nvSpPr>
          <p:cNvPr id="17" name="Text Placeholder 16"/>
          <p:cNvSpPr>
            <a:spLocks noGrp="1"/>
          </p:cNvSpPr>
          <p:nvPr>
            <p:ph type="body" sz="quarter" idx="13"/>
          </p:nvPr>
        </p:nvSpPr>
        <p:spPr bwMode="white">
          <a:xfrm>
            <a:off x="303609" y="3683764"/>
            <a:ext cx="1410750" cy="448000"/>
          </a:xfrm>
        </p:spPr>
        <p:txBody>
          <a:bodyPr anchor="b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1" name="Text Placeholder 16"/>
          <p:cNvSpPr>
            <a:spLocks noGrp="1"/>
          </p:cNvSpPr>
          <p:nvPr>
            <p:ph type="body" sz="quarter" idx="14"/>
          </p:nvPr>
        </p:nvSpPr>
        <p:spPr bwMode="white">
          <a:xfrm>
            <a:off x="303609" y="4128475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2" name="Text Placeholder 16"/>
          <p:cNvSpPr>
            <a:spLocks noGrp="1"/>
          </p:cNvSpPr>
          <p:nvPr>
            <p:ph type="body" sz="quarter" idx="15"/>
          </p:nvPr>
        </p:nvSpPr>
        <p:spPr bwMode="white">
          <a:xfrm>
            <a:off x="303609" y="4669364"/>
            <a:ext cx="1410750" cy="448000"/>
          </a:xfrm>
        </p:spPr>
        <p:txBody>
          <a:bodyPr anchor="b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3" name="Text Placeholder 16"/>
          <p:cNvSpPr>
            <a:spLocks noGrp="1"/>
          </p:cNvSpPr>
          <p:nvPr>
            <p:ph type="body" sz="quarter" idx="16"/>
          </p:nvPr>
        </p:nvSpPr>
        <p:spPr bwMode="white">
          <a:xfrm>
            <a:off x="303609" y="5117456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4" name="Text Placeholder 16"/>
          <p:cNvSpPr>
            <a:spLocks noGrp="1"/>
          </p:cNvSpPr>
          <p:nvPr>
            <p:ph type="body" sz="quarter" idx="17"/>
          </p:nvPr>
        </p:nvSpPr>
        <p:spPr bwMode="white">
          <a:xfrm>
            <a:off x="303609" y="5761052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12" name="Pladsholder til billede 11"/>
          <p:cNvSpPr>
            <a:spLocks noGrp="1" noChangeAspect="1"/>
          </p:cNvSpPr>
          <p:nvPr>
            <p:ph type="pic" sz="quarter" idx="18"/>
          </p:nvPr>
        </p:nvSpPr>
        <p:spPr bwMode="white">
          <a:xfrm>
            <a:off x="303609" y="2142946"/>
            <a:ext cx="419175" cy="1324800"/>
          </a:xfrm>
          <a:prstGeom prst="ellipse">
            <a:avLst/>
          </a:prstGeom>
          <a:noFill/>
        </p:spPr>
        <p:txBody>
          <a:bodyPr wrap="none" lIns="864000"/>
          <a:lstStyle>
            <a:lvl1pPr marL="0" indent="0">
              <a:buNone/>
              <a:defRPr sz="563">
                <a:solidFill>
                  <a:schemeClr val="tx1"/>
                </a:solidFill>
              </a:defRPr>
            </a:lvl1pPr>
          </a:lstStyle>
          <a:p>
            <a:pPr lvl="0"/>
            <a:r>
              <a:rPr lang="da-DK" noProof="0"/>
              <a:t>Klik på ikonet for at tilføje et billede</a:t>
            </a:r>
            <a:endParaRPr lang="da-DK" noProof="0" dirty="0"/>
          </a:p>
        </p:txBody>
      </p:sp>
      <p:sp>
        <p:nvSpPr>
          <p:cNvPr id="13" name="Pladsholder til billede 11"/>
          <p:cNvSpPr>
            <a:spLocks noGrp="1" noChangeAspect="1"/>
          </p:cNvSpPr>
          <p:nvPr>
            <p:ph type="pic" sz="quarter" idx="19"/>
          </p:nvPr>
        </p:nvSpPr>
        <p:spPr bwMode="white">
          <a:xfrm>
            <a:off x="1916898" y="2142946"/>
            <a:ext cx="419175" cy="1324800"/>
          </a:xfrm>
          <a:prstGeom prst="ellipse">
            <a:avLst/>
          </a:prstGeom>
          <a:noFill/>
        </p:spPr>
        <p:txBody>
          <a:bodyPr wrap="none" lIns="864000"/>
          <a:lstStyle>
            <a:lvl1pPr marL="0" indent="0">
              <a:buNone/>
              <a:defRPr sz="563">
                <a:solidFill>
                  <a:schemeClr val="tx1"/>
                </a:solidFill>
              </a:defRPr>
            </a:lvl1pPr>
          </a:lstStyle>
          <a:p>
            <a:pPr lvl="0"/>
            <a:r>
              <a:rPr lang="da-DK" noProof="0"/>
              <a:t>Klik på ikonet for at tilføje et billede</a:t>
            </a:r>
            <a:endParaRPr lang="da-DK" noProof="0" dirty="0"/>
          </a:p>
        </p:txBody>
      </p:sp>
      <p:sp>
        <p:nvSpPr>
          <p:cNvPr id="14" name="Pladsholder til billede 11"/>
          <p:cNvSpPr>
            <a:spLocks noGrp="1" noChangeAspect="1"/>
          </p:cNvSpPr>
          <p:nvPr>
            <p:ph type="pic" sz="quarter" idx="20"/>
          </p:nvPr>
        </p:nvSpPr>
        <p:spPr bwMode="white">
          <a:xfrm>
            <a:off x="3529906" y="2142946"/>
            <a:ext cx="419175" cy="1324800"/>
          </a:xfrm>
          <a:prstGeom prst="ellipse">
            <a:avLst/>
          </a:prstGeom>
          <a:noFill/>
        </p:spPr>
        <p:txBody>
          <a:bodyPr wrap="none" lIns="864000"/>
          <a:lstStyle>
            <a:lvl1pPr marL="0" indent="0">
              <a:buNone/>
              <a:defRPr sz="563">
                <a:solidFill>
                  <a:schemeClr val="tx1"/>
                </a:solidFill>
              </a:defRPr>
            </a:lvl1pPr>
          </a:lstStyle>
          <a:p>
            <a:pPr lvl="0"/>
            <a:r>
              <a:rPr lang="da-DK" noProof="0"/>
              <a:t>Klik på ikonet for at tilføje et billede</a:t>
            </a:r>
            <a:endParaRPr lang="da-DK" noProof="0" dirty="0"/>
          </a:p>
        </p:txBody>
      </p:sp>
      <p:sp>
        <p:nvSpPr>
          <p:cNvPr id="15" name="Pladsholder til billede 11"/>
          <p:cNvSpPr>
            <a:spLocks noGrp="1" noChangeAspect="1"/>
          </p:cNvSpPr>
          <p:nvPr>
            <p:ph type="pic" sz="quarter" idx="21"/>
          </p:nvPr>
        </p:nvSpPr>
        <p:spPr bwMode="white">
          <a:xfrm>
            <a:off x="5143500" y="2142946"/>
            <a:ext cx="419175" cy="1324800"/>
          </a:xfrm>
          <a:prstGeom prst="ellipse">
            <a:avLst/>
          </a:prstGeom>
          <a:noFill/>
        </p:spPr>
        <p:txBody>
          <a:bodyPr wrap="none" lIns="864000"/>
          <a:lstStyle>
            <a:lvl1pPr marL="0" indent="0">
              <a:buNone/>
              <a:defRPr sz="563">
                <a:solidFill>
                  <a:schemeClr val="tx1"/>
                </a:solidFill>
              </a:defRPr>
            </a:lvl1pPr>
          </a:lstStyle>
          <a:p>
            <a:pPr lvl="0"/>
            <a:r>
              <a:rPr lang="da-DK" noProof="0"/>
              <a:t>Klik på ikonet for at tilføje et billede</a:t>
            </a:r>
            <a:endParaRPr lang="da-DK" noProof="0" dirty="0"/>
          </a:p>
        </p:txBody>
      </p:sp>
      <p:sp>
        <p:nvSpPr>
          <p:cNvPr id="16" name="Text Placeholder 17"/>
          <p:cNvSpPr>
            <a:spLocks noGrp="1"/>
          </p:cNvSpPr>
          <p:nvPr>
            <p:ph type="body" sz="quarter" idx="22"/>
          </p:nvPr>
        </p:nvSpPr>
        <p:spPr bwMode="white">
          <a:xfrm>
            <a:off x="1916898" y="3683764"/>
            <a:ext cx="1410750" cy="448000"/>
          </a:xfrm>
        </p:spPr>
        <p:txBody>
          <a:bodyPr anchor="b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19" name="Text Placeholder 17"/>
          <p:cNvSpPr>
            <a:spLocks noGrp="1"/>
          </p:cNvSpPr>
          <p:nvPr>
            <p:ph type="body" sz="quarter" idx="23"/>
          </p:nvPr>
        </p:nvSpPr>
        <p:spPr bwMode="white">
          <a:xfrm>
            <a:off x="1916898" y="4128475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0" name="Text Placeholder 17"/>
          <p:cNvSpPr>
            <a:spLocks noGrp="1"/>
          </p:cNvSpPr>
          <p:nvPr>
            <p:ph type="body" sz="quarter" idx="24"/>
          </p:nvPr>
        </p:nvSpPr>
        <p:spPr bwMode="white">
          <a:xfrm>
            <a:off x="1916898" y="4669364"/>
            <a:ext cx="1410750" cy="448000"/>
          </a:xfrm>
        </p:spPr>
        <p:txBody>
          <a:bodyPr anchor="b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5" name="Text Placeholder 17"/>
          <p:cNvSpPr>
            <a:spLocks noGrp="1"/>
          </p:cNvSpPr>
          <p:nvPr>
            <p:ph type="body" sz="quarter" idx="25"/>
          </p:nvPr>
        </p:nvSpPr>
        <p:spPr bwMode="white">
          <a:xfrm>
            <a:off x="1916898" y="5117456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6" name="Text Placeholder 17"/>
          <p:cNvSpPr>
            <a:spLocks noGrp="1"/>
          </p:cNvSpPr>
          <p:nvPr>
            <p:ph type="body" sz="quarter" idx="26"/>
          </p:nvPr>
        </p:nvSpPr>
        <p:spPr bwMode="white">
          <a:xfrm>
            <a:off x="1916898" y="5761052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7" name="Text Placeholder 18"/>
          <p:cNvSpPr>
            <a:spLocks noGrp="1"/>
          </p:cNvSpPr>
          <p:nvPr>
            <p:ph type="body" sz="quarter" idx="27"/>
          </p:nvPr>
        </p:nvSpPr>
        <p:spPr bwMode="white">
          <a:xfrm>
            <a:off x="3529906" y="3683764"/>
            <a:ext cx="1410750" cy="448000"/>
          </a:xfrm>
        </p:spPr>
        <p:txBody>
          <a:bodyPr anchor="b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8" name="Text Placeholder 18"/>
          <p:cNvSpPr>
            <a:spLocks noGrp="1"/>
          </p:cNvSpPr>
          <p:nvPr>
            <p:ph type="body" sz="quarter" idx="28"/>
          </p:nvPr>
        </p:nvSpPr>
        <p:spPr bwMode="white">
          <a:xfrm>
            <a:off x="3529906" y="4128475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9" name="Text Placeholder 18"/>
          <p:cNvSpPr>
            <a:spLocks noGrp="1"/>
          </p:cNvSpPr>
          <p:nvPr>
            <p:ph type="body" sz="quarter" idx="29"/>
          </p:nvPr>
        </p:nvSpPr>
        <p:spPr bwMode="white">
          <a:xfrm>
            <a:off x="3529906" y="4669364"/>
            <a:ext cx="1410750" cy="448000"/>
          </a:xfrm>
        </p:spPr>
        <p:txBody>
          <a:bodyPr anchor="b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30" name="Text Placeholder 18"/>
          <p:cNvSpPr>
            <a:spLocks noGrp="1"/>
          </p:cNvSpPr>
          <p:nvPr>
            <p:ph type="body" sz="quarter" idx="30"/>
          </p:nvPr>
        </p:nvSpPr>
        <p:spPr bwMode="white">
          <a:xfrm>
            <a:off x="3529906" y="5117456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31" name="Text Placeholder 18"/>
          <p:cNvSpPr>
            <a:spLocks noGrp="1"/>
          </p:cNvSpPr>
          <p:nvPr>
            <p:ph type="body" sz="quarter" idx="31"/>
          </p:nvPr>
        </p:nvSpPr>
        <p:spPr bwMode="white">
          <a:xfrm>
            <a:off x="3529906" y="5761052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32" name="Text Placeholder 19"/>
          <p:cNvSpPr>
            <a:spLocks noGrp="1"/>
          </p:cNvSpPr>
          <p:nvPr>
            <p:ph type="body" sz="quarter" idx="32"/>
          </p:nvPr>
        </p:nvSpPr>
        <p:spPr bwMode="white">
          <a:xfrm>
            <a:off x="5143500" y="3680311"/>
            <a:ext cx="1410750" cy="448000"/>
          </a:xfrm>
        </p:spPr>
        <p:txBody>
          <a:bodyPr anchor="b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33" name="Text Placeholder 19"/>
          <p:cNvSpPr>
            <a:spLocks noGrp="1"/>
          </p:cNvSpPr>
          <p:nvPr>
            <p:ph type="body" sz="quarter" idx="33"/>
          </p:nvPr>
        </p:nvSpPr>
        <p:spPr bwMode="white">
          <a:xfrm>
            <a:off x="5143500" y="4125022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34" name="Text Placeholder 19"/>
          <p:cNvSpPr>
            <a:spLocks noGrp="1"/>
          </p:cNvSpPr>
          <p:nvPr>
            <p:ph type="body" sz="quarter" idx="34"/>
          </p:nvPr>
        </p:nvSpPr>
        <p:spPr bwMode="white">
          <a:xfrm>
            <a:off x="5143500" y="4665911"/>
            <a:ext cx="1410750" cy="448000"/>
          </a:xfrm>
        </p:spPr>
        <p:txBody>
          <a:bodyPr anchor="b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35" name="Text Placeholder 19"/>
          <p:cNvSpPr>
            <a:spLocks noGrp="1"/>
          </p:cNvSpPr>
          <p:nvPr>
            <p:ph type="body" sz="quarter" idx="35"/>
          </p:nvPr>
        </p:nvSpPr>
        <p:spPr bwMode="white">
          <a:xfrm>
            <a:off x="5143500" y="5114004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36" name="Text Placeholder 19"/>
          <p:cNvSpPr>
            <a:spLocks noGrp="1"/>
          </p:cNvSpPr>
          <p:nvPr>
            <p:ph type="body" sz="quarter" idx="36"/>
          </p:nvPr>
        </p:nvSpPr>
        <p:spPr bwMode="white">
          <a:xfrm>
            <a:off x="5143500" y="5757600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/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37" name="Text Placeholder 20"/>
          <p:cNvSpPr>
            <a:spLocks noGrp="1"/>
          </p:cNvSpPr>
          <p:nvPr>
            <p:ph type="body" sz="quarter" idx="37"/>
          </p:nvPr>
        </p:nvSpPr>
        <p:spPr bwMode="white">
          <a:xfrm>
            <a:off x="303609" y="8690020"/>
            <a:ext cx="1410750" cy="448000"/>
          </a:xfrm>
        </p:spPr>
        <p:txBody>
          <a:bodyPr anchor="b" anchorCtr="0"/>
          <a:lstStyle>
            <a:lvl1pPr marL="0" indent="0">
              <a:spcAft>
                <a:spcPts val="0"/>
              </a:spcAft>
              <a:buNone/>
              <a:defRPr sz="675">
                <a:solidFill>
                  <a:schemeClr val="tx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38" name="Text Placeholder 20"/>
          <p:cNvSpPr>
            <a:spLocks noGrp="1"/>
          </p:cNvSpPr>
          <p:nvPr>
            <p:ph type="body" sz="quarter" idx="38"/>
          </p:nvPr>
        </p:nvSpPr>
        <p:spPr bwMode="white">
          <a:xfrm>
            <a:off x="303609" y="9134731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>
                <a:solidFill>
                  <a:schemeClr val="tx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39" name="Text Placeholder 20"/>
          <p:cNvSpPr>
            <a:spLocks noGrp="1"/>
          </p:cNvSpPr>
          <p:nvPr>
            <p:ph type="body" sz="quarter" idx="39"/>
          </p:nvPr>
        </p:nvSpPr>
        <p:spPr bwMode="white">
          <a:xfrm>
            <a:off x="303609" y="9675620"/>
            <a:ext cx="1410750" cy="448000"/>
          </a:xfrm>
        </p:spPr>
        <p:txBody>
          <a:bodyPr anchor="b" anchorCtr="0"/>
          <a:lstStyle>
            <a:lvl1pPr marL="0" indent="0">
              <a:spcAft>
                <a:spcPts val="0"/>
              </a:spcAft>
              <a:buNone/>
              <a:defRPr sz="675">
                <a:solidFill>
                  <a:schemeClr val="tx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40" name="Text Placeholder 20"/>
          <p:cNvSpPr>
            <a:spLocks noGrp="1"/>
          </p:cNvSpPr>
          <p:nvPr>
            <p:ph type="body" sz="quarter" idx="40"/>
          </p:nvPr>
        </p:nvSpPr>
        <p:spPr bwMode="white">
          <a:xfrm>
            <a:off x="303609" y="10123712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>
                <a:solidFill>
                  <a:schemeClr val="tx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41" name="Text Placeholder 20"/>
          <p:cNvSpPr>
            <a:spLocks noGrp="1"/>
          </p:cNvSpPr>
          <p:nvPr>
            <p:ph type="body" sz="quarter" idx="41"/>
          </p:nvPr>
        </p:nvSpPr>
        <p:spPr bwMode="white">
          <a:xfrm>
            <a:off x="303609" y="10767308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>
                <a:solidFill>
                  <a:schemeClr val="tx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42" name="Text Placeholder 21"/>
          <p:cNvSpPr>
            <a:spLocks noGrp="1"/>
          </p:cNvSpPr>
          <p:nvPr>
            <p:ph type="body" sz="quarter" idx="42"/>
          </p:nvPr>
        </p:nvSpPr>
        <p:spPr bwMode="white">
          <a:xfrm>
            <a:off x="1916898" y="8690020"/>
            <a:ext cx="1410750" cy="448000"/>
          </a:xfrm>
        </p:spPr>
        <p:txBody>
          <a:bodyPr anchor="b" anchorCtr="0"/>
          <a:lstStyle>
            <a:lvl1pPr marL="0" indent="0">
              <a:spcAft>
                <a:spcPts val="0"/>
              </a:spcAft>
              <a:buNone/>
              <a:defRPr sz="675">
                <a:solidFill>
                  <a:schemeClr val="tx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43" name="Text Placeholder 21"/>
          <p:cNvSpPr>
            <a:spLocks noGrp="1"/>
          </p:cNvSpPr>
          <p:nvPr>
            <p:ph type="body" sz="quarter" idx="43"/>
          </p:nvPr>
        </p:nvSpPr>
        <p:spPr bwMode="white">
          <a:xfrm>
            <a:off x="1916898" y="9134731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>
                <a:solidFill>
                  <a:schemeClr val="tx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44" name="Text Placeholder 21"/>
          <p:cNvSpPr>
            <a:spLocks noGrp="1"/>
          </p:cNvSpPr>
          <p:nvPr>
            <p:ph type="body" sz="quarter" idx="44"/>
          </p:nvPr>
        </p:nvSpPr>
        <p:spPr bwMode="white">
          <a:xfrm>
            <a:off x="1916898" y="9675620"/>
            <a:ext cx="1410750" cy="448000"/>
          </a:xfrm>
        </p:spPr>
        <p:txBody>
          <a:bodyPr anchor="b" anchorCtr="0"/>
          <a:lstStyle>
            <a:lvl1pPr marL="0" indent="0">
              <a:spcAft>
                <a:spcPts val="0"/>
              </a:spcAft>
              <a:buNone/>
              <a:defRPr sz="675">
                <a:solidFill>
                  <a:schemeClr val="tx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45" name="Text Placeholder 21"/>
          <p:cNvSpPr>
            <a:spLocks noGrp="1"/>
          </p:cNvSpPr>
          <p:nvPr>
            <p:ph type="body" sz="quarter" idx="45"/>
          </p:nvPr>
        </p:nvSpPr>
        <p:spPr bwMode="white">
          <a:xfrm>
            <a:off x="1916898" y="10123712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>
                <a:solidFill>
                  <a:schemeClr val="tx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46" name="Text Placeholder 21"/>
          <p:cNvSpPr>
            <a:spLocks noGrp="1"/>
          </p:cNvSpPr>
          <p:nvPr>
            <p:ph type="body" sz="quarter" idx="46"/>
          </p:nvPr>
        </p:nvSpPr>
        <p:spPr bwMode="white">
          <a:xfrm>
            <a:off x="1916898" y="10767308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>
                <a:solidFill>
                  <a:schemeClr val="tx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47" name="Text Placeholder 22"/>
          <p:cNvSpPr>
            <a:spLocks noGrp="1"/>
          </p:cNvSpPr>
          <p:nvPr>
            <p:ph type="body" sz="quarter" idx="47"/>
          </p:nvPr>
        </p:nvSpPr>
        <p:spPr bwMode="white">
          <a:xfrm>
            <a:off x="3529906" y="8690020"/>
            <a:ext cx="1410750" cy="448000"/>
          </a:xfrm>
        </p:spPr>
        <p:txBody>
          <a:bodyPr anchor="b" anchorCtr="0"/>
          <a:lstStyle>
            <a:lvl1pPr marL="0" indent="0">
              <a:spcAft>
                <a:spcPts val="0"/>
              </a:spcAft>
              <a:buNone/>
              <a:defRPr sz="675">
                <a:solidFill>
                  <a:schemeClr val="tx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48" name="Text Placeholder 22"/>
          <p:cNvSpPr>
            <a:spLocks noGrp="1"/>
          </p:cNvSpPr>
          <p:nvPr>
            <p:ph type="body" sz="quarter" idx="48"/>
          </p:nvPr>
        </p:nvSpPr>
        <p:spPr bwMode="white">
          <a:xfrm>
            <a:off x="3529906" y="9134731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>
                <a:solidFill>
                  <a:schemeClr val="tx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49" name="Text Placeholder 22"/>
          <p:cNvSpPr>
            <a:spLocks noGrp="1"/>
          </p:cNvSpPr>
          <p:nvPr>
            <p:ph type="body" sz="quarter" idx="49"/>
          </p:nvPr>
        </p:nvSpPr>
        <p:spPr bwMode="white">
          <a:xfrm>
            <a:off x="3529906" y="9675620"/>
            <a:ext cx="1410750" cy="448000"/>
          </a:xfrm>
        </p:spPr>
        <p:txBody>
          <a:bodyPr anchor="b" anchorCtr="0"/>
          <a:lstStyle>
            <a:lvl1pPr marL="0" indent="0">
              <a:spcAft>
                <a:spcPts val="0"/>
              </a:spcAft>
              <a:buNone/>
              <a:defRPr sz="675">
                <a:solidFill>
                  <a:schemeClr val="tx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50" name="Text Placeholder 22"/>
          <p:cNvSpPr>
            <a:spLocks noGrp="1"/>
          </p:cNvSpPr>
          <p:nvPr>
            <p:ph type="body" sz="quarter" idx="50"/>
          </p:nvPr>
        </p:nvSpPr>
        <p:spPr bwMode="white">
          <a:xfrm>
            <a:off x="3529906" y="10123712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>
                <a:solidFill>
                  <a:schemeClr val="tx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51" name="Text Placeholder 22"/>
          <p:cNvSpPr>
            <a:spLocks noGrp="1"/>
          </p:cNvSpPr>
          <p:nvPr>
            <p:ph type="body" sz="quarter" idx="51"/>
          </p:nvPr>
        </p:nvSpPr>
        <p:spPr bwMode="white">
          <a:xfrm>
            <a:off x="3529906" y="10767308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>
                <a:solidFill>
                  <a:schemeClr val="tx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52" name="Text Placeholder 23"/>
          <p:cNvSpPr>
            <a:spLocks noGrp="1"/>
          </p:cNvSpPr>
          <p:nvPr>
            <p:ph type="body" sz="quarter" idx="52"/>
          </p:nvPr>
        </p:nvSpPr>
        <p:spPr bwMode="white">
          <a:xfrm>
            <a:off x="5143500" y="8690020"/>
            <a:ext cx="1410750" cy="448000"/>
          </a:xfrm>
        </p:spPr>
        <p:txBody>
          <a:bodyPr anchor="b" anchorCtr="0"/>
          <a:lstStyle>
            <a:lvl1pPr marL="0" indent="0">
              <a:spcAft>
                <a:spcPts val="0"/>
              </a:spcAft>
              <a:buNone/>
              <a:defRPr sz="675">
                <a:solidFill>
                  <a:schemeClr val="tx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53" name="Text Placeholder 23"/>
          <p:cNvSpPr>
            <a:spLocks noGrp="1"/>
          </p:cNvSpPr>
          <p:nvPr>
            <p:ph type="body" sz="quarter" idx="53"/>
          </p:nvPr>
        </p:nvSpPr>
        <p:spPr bwMode="white">
          <a:xfrm>
            <a:off x="5143500" y="9134731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>
                <a:solidFill>
                  <a:schemeClr val="tx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54" name="Text Placeholder 23"/>
          <p:cNvSpPr>
            <a:spLocks noGrp="1"/>
          </p:cNvSpPr>
          <p:nvPr>
            <p:ph type="body" sz="quarter" idx="54"/>
          </p:nvPr>
        </p:nvSpPr>
        <p:spPr bwMode="white">
          <a:xfrm>
            <a:off x="5143500" y="9675620"/>
            <a:ext cx="1410750" cy="448000"/>
          </a:xfrm>
        </p:spPr>
        <p:txBody>
          <a:bodyPr anchor="b" anchorCtr="0"/>
          <a:lstStyle>
            <a:lvl1pPr marL="0" indent="0">
              <a:spcAft>
                <a:spcPts val="0"/>
              </a:spcAft>
              <a:buNone/>
              <a:defRPr sz="675">
                <a:solidFill>
                  <a:schemeClr val="tx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55" name="Text Placeholder 23"/>
          <p:cNvSpPr>
            <a:spLocks noGrp="1"/>
          </p:cNvSpPr>
          <p:nvPr>
            <p:ph type="body" sz="quarter" idx="55"/>
          </p:nvPr>
        </p:nvSpPr>
        <p:spPr bwMode="white">
          <a:xfrm>
            <a:off x="5143500" y="10123712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>
                <a:solidFill>
                  <a:schemeClr val="tx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56" name="Text Placeholder 23"/>
          <p:cNvSpPr>
            <a:spLocks noGrp="1"/>
          </p:cNvSpPr>
          <p:nvPr>
            <p:ph type="body" sz="quarter" idx="56"/>
          </p:nvPr>
        </p:nvSpPr>
        <p:spPr bwMode="white">
          <a:xfrm>
            <a:off x="5143500" y="10767308"/>
            <a:ext cx="1410750" cy="44800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675">
                <a:solidFill>
                  <a:schemeClr val="tx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8" name="Pladsholder til billede 11"/>
          <p:cNvSpPr>
            <a:spLocks noGrp="1" noChangeAspect="1"/>
          </p:cNvSpPr>
          <p:nvPr>
            <p:ph type="pic" sz="quarter" idx="57"/>
          </p:nvPr>
        </p:nvSpPr>
        <p:spPr bwMode="white">
          <a:xfrm>
            <a:off x="303609" y="7141428"/>
            <a:ext cx="419175" cy="1324800"/>
          </a:xfrm>
          <a:prstGeom prst="ellipse">
            <a:avLst/>
          </a:prstGeom>
          <a:noFill/>
        </p:spPr>
        <p:txBody>
          <a:bodyPr wrap="none" lIns="864000"/>
          <a:lstStyle>
            <a:lvl1pPr marL="0" indent="0">
              <a:buNone/>
              <a:defRPr sz="563">
                <a:solidFill>
                  <a:schemeClr val="tx1"/>
                </a:solidFill>
              </a:defRPr>
            </a:lvl1pPr>
          </a:lstStyle>
          <a:p>
            <a:pPr lvl="0"/>
            <a:r>
              <a:rPr lang="da-DK" noProof="0"/>
              <a:t>Klik på ikonet for at tilføje et billede</a:t>
            </a:r>
            <a:endParaRPr lang="da-DK" noProof="0" dirty="0"/>
          </a:p>
        </p:txBody>
      </p:sp>
      <p:sp>
        <p:nvSpPr>
          <p:cNvPr id="10" name="Pladsholder til billede 11"/>
          <p:cNvSpPr>
            <a:spLocks noGrp="1" noChangeAspect="1"/>
          </p:cNvSpPr>
          <p:nvPr>
            <p:ph type="pic" sz="quarter" idx="58"/>
          </p:nvPr>
        </p:nvSpPr>
        <p:spPr bwMode="white">
          <a:xfrm>
            <a:off x="1916898" y="7141428"/>
            <a:ext cx="419175" cy="1324800"/>
          </a:xfrm>
          <a:prstGeom prst="ellipse">
            <a:avLst/>
          </a:prstGeom>
          <a:noFill/>
        </p:spPr>
        <p:txBody>
          <a:bodyPr wrap="none" lIns="864000"/>
          <a:lstStyle>
            <a:lvl1pPr marL="0" indent="0">
              <a:buNone/>
              <a:defRPr sz="563">
                <a:solidFill>
                  <a:schemeClr val="tx1"/>
                </a:solidFill>
              </a:defRPr>
            </a:lvl1pPr>
          </a:lstStyle>
          <a:p>
            <a:pPr lvl="0"/>
            <a:r>
              <a:rPr lang="da-DK" noProof="0"/>
              <a:t>Klik på ikonet for at tilføje et billede</a:t>
            </a:r>
            <a:endParaRPr lang="da-DK" noProof="0" dirty="0"/>
          </a:p>
        </p:txBody>
      </p:sp>
      <p:sp>
        <p:nvSpPr>
          <p:cNvPr id="57" name="Pladsholder til billede 11"/>
          <p:cNvSpPr>
            <a:spLocks noGrp="1" noChangeAspect="1"/>
          </p:cNvSpPr>
          <p:nvPr>
            <p:ph type="pic" sz="quarter" idx="59"/>
          </p:nvPr>
        </p:nvSpPr>
        <p:spPr bwMode="white">
          <a:xfrm>
            <a:off x="3530203" y="7141428"/>
            <a:ext cx="419175" cy="1324800"/>
          </a:xfrm>
          <a:prstGeom prst="ellipse">
            <a:avLst/>
          </a:prstGeom>
          <a:noFill/>
        </p:spPr>
        <p:txBody>
          <a:bodyPr wrap="none" lIns="864000"/>
          <a:lstStyle>
            <a:lvl1pPr marL="0" indent="0">
              <a:buNone/>
              <a:defRPr sz="563">
                <a:solidFill>
                  <a:schemeClr val="tx1"/>
                </a:solidFill>
              </a:defRPr>
            </a:lvl1pPr>
          </a:lstStyle>
          <a:p>
            <a:pPr lvl="0"/>
            <a:r>
              <a:rPr lang="da-DK" noProof="0"/>
              <a:t>Klik på ikonet for at tilføje et billede</a:t>
            </a:r>
            <a:endParaRPr lang="da-DK" noProof="0" dirty="0"/>
          </a:p>
        </p:txBody>
      </p:sp>
      <p:sp>
        <p:nvSpPr>
          <p:cNvPr id="58" name="Pladsholder til billede 11"/>
          <p:cNvSpPr>
            <a:spLocks noGrp="1" noChangeAspect="1"/>
          </p:cNvSpPr>
          <p:nvPr>
            <p:ph type="pic" sz="quarter" idx="60"/>
          </p:nvPr>
        </p:nvSpPr>
        <p:spPr bwMode="white">
          <a:xfrm>
            <a:off x="5143500" y="7141428"/>
            <a:ext cx="419175" cy="1324800"/>
          </a:xfrm>
          <a:prstGeom prst="ellipse">
            <a:avLst/>
          </a:prstGeom>
          <a:noFill/>
        </p:spPr>
        <p:txBody>
          <a:bodyPr wrap="none" lIns="864000"/>
          <a:lstStyle>
            <a:lvl1pPr marL="0" indent="0">
              <a:buNone/>
              <a:defRPr sz="563">
                <a:solidFill>
                  <a:schemeClr val="tx1"/>
                </a:solidFill>
              </a:defRPr>
            </a:lvl1pPr>
          </a:lstStyle>
          <a:p>
            <a:pPr lvl="0"/>
            <a:r>
              <a:rPr lang="da-DK" noProof="0"/>
              <a:t>Klik på ikonet for at tilføje et billede</a:t>
            </a:r>
            <a:endParaRPr lang="da-DK" noProof="0" dirty="0"/>
          </a:p>
        </p:txBody>
      </p:sp>
      <p:sp>
        <p:nvSpPr>
          <p:cNvPr id="4" name="Date Placeholder 2">
            <a:extLst>
              <a:ext uri="{FF2B5EF4-FFF2-40B4-BE49-F238E27FC236}">
                <a16:creationId xmlns:a16="http://schemas.microsoft.com/office/drawing/2014/main" id="{27C411A3-ABF4-D448-200E-DB2D11EC20F6}"/>
              </a:ext>
            </a:extLst>
          </p:cNvPr>
          <p:cNvSpPr>
            <a:spLocks noGrp="1"/>
          </p:cNvSpPr>
          <p:nvPr>
            <p:ph type="dt" sz="half" idx="61"/>
          </p:nvPr>
        </p:nvSpPr>
        <p:spPr bwMode="white"/>
        <p:txBody>
          <a:bodyPr/>
          <a:lstStyle>
            <a:lvl1pPr>
              <a:defRPr/>
            </a:lvl1pPr>
          </a:lstStyle>
          <a:p>
            <a:pPr>
              <a:defRPr/>
            </a:pPr>
            <a:fld id="{8D267992-3540-469B-A01C-3D8ED8B0795C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5" name="Footer Placeholder 3">
            <a:extLst>
              <a:ext uri="{FF2B5EF4-FFF2-40B4-BE49-F238E27FC236}">
                <a16:creationId xmlns:a16="http://schemas.microsoft.com/office/drawing/2014/main" id="{62AF34B7-F184-41A9-DB95-85A8381CCE78}"/>
              </a:ext>
            </a:extLst>
          </p:cNvPr>
          <p:cNvSpPr>
            <a:spLocks noGrp="1"/>
          </p:cNvSpPr>
          <p:nvPr>
            <p:ph type="ftr" sz="quarter" idx="62"/>
          </p:nvPr>
        </p:nvSpPr>
        <p:spPr bwMode="white"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6" name="Slide Number Placeholder 4">
            <a:extLst>
              <a:ext uri="{FF2B5EF4-FFF2-40B4-BE49-F238E27FC236}">
                <a16:creationId xmlns:a16="http://schemas.microsoft.com/office/drawing/2014/main" id="{8CEA74BF-4BB3-B97A-0C05-7285C61A504E}"/>
              </a:ext>
            </a:extLst>
          </p:cNvPr>
          <p:cNvSpPr>
            <a:spLocks noGrp="1"/>
          </p:cNvSpPr>
          <p:nvPr>
            <p:ph type="sldNum" sz="quarter" idx="63"/>
          </p:nvPr>
        </p:nvSpPr>
        <p:spPr bwMode="white"/>
        <p:txBody>
          <a:bodyPr/>
          <a:lstStyle>
            <a:lvl1pPr>
              <a:defRPr/>
            </a:lvl1pPr>
          </a:lstStyle>
          <a:p>
            <a:pPr>
              <a:defRPr/>
            </a:pPr>
            <a:fld id="{E172196D-5D5A-4966-9564-1BED46C2FA63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31625692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6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fslutn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ggrund">
            <a:extLst>
              <a:ext uri="{FF2B5EF4-FFF2-40B4-BE49-F238E27FC236}">
                <a16:creationId xmlns:a16="http://schemas.microsoft.com/office/drawing/2014/main" id="{53BD5177-3D4B-B1AA-349A-66329C9F27DF}"/>
              </a:ext>
            </a:extLst>
          </p:cNvPr>
          <p:cNvSpPr/>
          <p:nvPr/>
        </p:nvSpPr>
        <p:spPr>
          <a:xfrm>
            <a:off x="0" y="0"/>
            <a:ext cx="6858000" cy="12192000"/>
          </a:xfrm>
          <a:custGeom>
            <a:avLst/>
            <a:gdLst>
              <a:gd name="connsiteX0" fmla="*/ 0 w 18288000"/>
              <a:gd name="connsiteY0" fmla="*/ 0 h 10287000"/>
              <a:gd name="connsiteX1" fmla="*/ 18288000 w 18288000"/>
              <a:gd name="connsiteY1" fmla="*/ 0 h 10287000"/>
              <a:gd name="connsiteX2" fmla="*/ 18288000 w 18288000"/>
              <a:gd name="connsiteY2" fmla="*/ 10287000 h 10287000"/>
              <a:gd name="connsiteX3" fmla="*/ 0 w 18288000"/>
              <a:gd name="connsiteY3" fmla="*/ 10287000 h 10287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8288000" h="10287000">
                <a:moveTo>
                  <a:pt x="0" y="0"/>
                </a:moveTo>
                <a:lnTo>
                  <a:pt x="18288000" y="0"/>
                </a:lnTo>
                <a:lnTo>
                  <a:pt x="18288000" y="10287000"/>
                </a:lnTo>
                <a:lnTo>
                  <a:pt x="0" y="10287000"/>
                </a:lnTo>
                <a:close/>
              </a:path>
            </a:pathLst>
          </a:custGeom>
          <a:solidFill>
            <a:schemeClr val="accent2"/>
          </a:solidFill>
          <a:ln w="9525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grpSp>
        <p:nvGrpSpPr>
          <p:cNvPr id="4" name="Group 5">
            <a:extLst>
              <a:ext uri="{FF2B5EF4-FFF2-40B4-BE49-F238E27FC236}">
                <a16:creationId xmlns:a16="http://schemas.microsoft.com/office/drawing/2014/main" id="{7A4F24FB-C99D-29D0-2092-8409A3C71C87}"/>
              </a:ext>
            </a:extLst>
          </p:cNvPr>
          <p:cNvGrpSpPr/>
          <p:nvPr userDrawn="1"/>
        </p:nvGrpSpPr>
        <p:grpSpPr>
          <a:xfrm rot="5400000">
            <a:off x="2175199" y="3403522"/>
            <a:ext cx="8086320" cy="1279281"/>
            <a:chOff x="3408363" y="4698000"/>
            <a:chExt cx="4320001" cy="2160000"/>
          </a:xfrm>
          <a:solidFill>
            <a:schemeClr val="accent1"/>
          </a:solidFill>
        </p:grpSpPr>
        <p:sp>
          <p:nvSpPr>
            <p:cNvPr id="5" name="Rectangle 1">
              <a:extLst>
                <a:ext uri="{FF2B5EF4-FFF2-40B4-BE49-F238E27FC236}">
                  <a16:creationId xmlns:a16="http://schemas.microsoft.com/office/drawing/2014/main" id="{9A54FD3A-9434-EC8C-A5C4-D98459FF4041}"/>
                </a:ext>
              </a:extLst>
            </p:cNvPr>
            <p:cNvSpPr/>
            <p:nvPr/>
          </p:nvSpPr>
          <p:spPr>
            <a:xfrm rot="10800000">
              <a:off x="3408363" y="4698000"/>
              <a:ext cx="2160000" cy="21600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anchor="ctr"/>
            <a:lstStyle/>
            <a:p>
              <a:pPr algn="ctr" eaLnBrk="1" fontAlgn="auto" hangingPunct="1">
                <a:spcBef>
                  <a:spcPts val="0"/>
                </a:spcBef>
                <a:spcAft>
                  <a:spcPts val="0"/>
                </a:spcAft>
                <a:defRPr/>
              </a:pPr>
              <a:endParaRPr lang="da-DK" sz="900" dirty="0"/>
            </a:p>
          </p:txBody>
        </p:sp>
        <p:sp>
          <p:nvSpPr>
            <p:cNvPr id="6" name="Oval 2">
              <a:extLst>
                <a:ext uri="{FF2B5EF4-FFF2-40B4-BE49-F238E27FC236}">
                  <a16:creationId xmlns:a16="http://schemas.microsoft.com/office/drawing/2014/main" id="{598D54F1-F8A2-55F1-EB08-CAA9C036F344}"/>
                </a:ext>
              </a:extLst>
            </p:cNvPr>
            <p:cNvSpPr/>
            <p:nvPr/>
          </p:nvSpPr>
          <p:spPr>
            <a:xfrm rot="10800000">
              <a:off x="5568364" y="4698000"/>
              <a:ext cx="2160000" cy="2160000"/>
            </a:xfrm>
            <a:prstGeom prst="ellips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anchor="ctr"/>
            <a:lstStyle/>
            <a:p>
              <a:pPr algn="ctr" eaLnBrk="1" fontAlgn="auto" hangingPunct="1">
                <a:spcBef>
                  <a:spcPts val="0"/>
                </a:spcBef>
                <a:spcAft>
                  <a:spcPts val="0"/>
                </a:spcAft>
                <a:defRPr/>
              </a:pPr>
              <a:endParaRPr lang="da-DK" sz="900" dirty="0"/>
            </a:p>
          </p:txBody>
        </p:sp>
      </p:grpSp>
      <p:sp>
        <p:nvSpPr>
          <p:cNvPr id="7" name="Freeform: Shape 13">
            <a:extLst>
              <a:ext uri="{FF2B5EF4-FFF2-40B4-BE49-F238E27FC236}">
                <a16:creationId xmlns:a16="http://schemas.microsoft.com/office/drawing/2014/main" id="{333194BF-F1F7-217C-FAC9-051195457B6C}"/>
              </a:ext>
            </a:extLst>
          </p:cNvPr>
          <p:cNvSpPr/>
          <p:nvPr userDrawn="1"/>
        </p:nvSpPr>
        <p:spPr bwMode="white">
          <a:xfrm>
            <a:off x="6197600" y="639763"/>
            <a:ext cx="355600" cy="635000"/>
          </a:xfrm>
          <a:custGeom>
            <a:avLst/>
            <a:gdLst>
              <a:gd name="connsiteX0" fmla="*/ 3991223 w 5553123"/>
              <a:gd name="connsiteY0" fmla="*/ 1407246 h 3128654"/>
              <a:gd name="connsiteX1" fmla="*/ 3430346 w 5553123"/>
              <a:gd name="connsiteY1" fmla="*/ 1968030 h 3128654"/>
              <a:gd name="connsiteX2" fmla="*/ 3597555 w 5553123"/>
              <a:gd name="connsiteY2" fmla="*/ 1999879 h 3128654"/>
              <a:gd name="connsiteX3" fmla="*/ 4017277 w 5553123"/>
              <a:gd name="connsiteY3" fmla="*/ 1565700 h 3128654"/>
              <a:gd name="connsiteX4" fmla="*/ 4017243 w 5553123"/>
              <a:gd name="connsiteY4" fmla="*/ 1565803 h 3128654"/>
              <a:gd name="connsiteX5" fmla="*/ 3991223 w 5553123"/>
              <a:gd name="connsiteY5" fmla="*/ 1407246 h 3128654"/>
              <a:gd name="connsiteX6" fmla="*/ 3597692 w 5553123"/>
              <a:gd name="connsiteY6" fmla="*/ 1131487 h 3128654"/>
              <a:gd name="connsiteX7" fmla="*/ 3172031 w 5553123"/>
              <a:gd name="connsiteY7" fmla="*/ 1565700 h 3128654"/>
              <a:gd name="connsiteX8" fmla="*/ 3171997 w 5553123"/>
              <a:gd name="connsiteY8" fmla="*/ 1565803 h 3128654"/>
              <a:gd name="connsiteX9" fmla="*/ 3197296 w 5553123"/>
              <a:gd name="connsiteY9" fmla="*/ 1722061 h 3128654"/>
              <a:gd name="connsiteX10" fmla="*/ 3757830 w 5553123"/>
              <a:gd name="connsiteY10" fmla="*/ 1161723 h 3128654"/>
              <a:gd name="connsiteX11" fmla="*/ 3597692 w 5553123"/>
              <a:gd name="connsiteY11" fmla="*/ 1131487 h 3128654"/>
              <a:gd name="connsiteX12" fmla="*/ 2205438 w 5553123"/>
              <a:gd name="connsiteY12" fmla="*/ 837298 h 3128654"/>
              <a:gd name="connsiteX13" fmla="*/ 2590180 w 5553123"/>
              <a:gd name="connsiteY13" fmla="*/ 837298 h 3128654"/>
              <a:gd name="connsiteX14" fmla="*/ 2590180 w 5553123"/>
              <a:gd name="connsiteY14" fmla="*/ 2548651 h 3128654"/>
              <a:gd name="connsiteX15" fmla="*/ 2015984 w 5553123"/>
              <a:gd name="connsiteY15" fmla="*/ 3128654 h 3128654"/>
              <a:gd name="connsiteX16" fmla="*/ 1756572 w 5553123"/>
              <a:gd name="connsiteY16" fmla="*/ 3073262 h 3128654"/>
              <a:gd name="connsiteX17" fmla="*/ 1844038 w 5553123"/>
              <a:gd name="connsiteY17" fmla="*/ 2761571 h 3128654"/>
              <a:gd name="connsiteX18" fmla="*/ 1989724 w 5553123"/>
              <a:gd name="connsiteY18" fmla="*/ 2787791 h 3128654"/>
              <a:gd name="connsiteX19" fmla="*/ 2205438 w 5553123"/>
              <a:gd name="connsiteY19" fmla="*/ 2548857 h 3128654"/>
              <a:gd name="connsiteX20" fmla="*/ 4139105 w 5553123"/>
              <a:gd name="connsiteY20" fmla="*/ 780499 h 3128654"/>
              <a:gd name="connsiteX21" fmla="*/ 4378642 w 5553123"/>
              <a:gd name="connsiteY21" fmla="*/ 1020017 h 3128654"/>
              <a:gd name="connsiteX22" fmla="*/ 4263474 w 5553123"/>
              <a:gd name="connsiteY22" fmla="*/ 1135365 h 3128654"/>
              <a:gd name="connsiteX23" fmla="*/ 4390485 w 5553123"/>
              <a:gd name="connsiteY23" fmla="*/ 1565769 h 3128654"/>
              <a:gd name="connsiteX24" fmla="*/ 3597520 w 5553123"/>
              <a:gd name="connsiteY24" fmla="*/ 2335080 h 3128654"/>
              <a:gd name="connsiteX25" fmla="*/ 3173748 w 5553123"/>
              <a:gd name="connsiteY25" fmla="*/ 2224604 h 3128654"/>
              <a:gd name="connsiteX26" fmla="*/ 3050169 w 5553123"/>
              <a:gd name="connsiteY26" fmla="*/ 2348155 h 3128654"/>
              <a:gd name="connsiteX27" fmla="*/ 2810563 w 5553123"/>
              <a:gd name="connsiteY27" fmla="*/ 2108707 h 3128654"/>
              <a:gd name="connsiteX28" fmla="*/ 2925320 w 5553123"/>
              <a:gd name="connsiteY28" fmla="*/ 1993976 h 3128654"/>
              <a:gd name="connsiteX29" fmla="*/ 2798892 w 5553123"/>
              <a:gd name="connsiteY29" fmla="*/ 1565838 h 3128654"/>
              <a:gd name="connsiteX30" fmla="*/ 3597486 w 5553123"/>
              <a:gd name="connsiteY30" fmla="*/ 793644 h 3128654"/>
              <a:gd name="connsiteX31" fmla="*/ 4015526 w 5553123"/>
              <a:gd name="connsiteY31" fmla="*/ 904050 h 3128654"/>
              <a:gd name="connsiteX32" fmla="*/ 396379 w 5553123"/>
              <a:gd name="connsiteY32" fmla="*/ 435140 h 3128654"/>
              <a:gd name="connsiteX33" fmla="*/ 396379 w 5553123"/>
              <a:gd name="connsiteY33" fmla="*/ 1932956 h 3128654"/>
              <a:gd name="connsiteX34" fmla="*/ 846344 w 5553123"/>
              <a:gd name="connsiteY34" fmla="*/ 1932956 h 3128654"/>
              <a:gd name="connsiteX35" fmla="*/ 1601274 w 5553123"/>
              <a:gd name="connsiteY35" fmla="*/ 1184065 h 3128654"/>
              <a:gd name="connsiteX36" fmla="*/ 846344 w 5553123"/>
              <a:gd name="connsiteY36" fmla="*/ 435140 h 3128654"/>
              <a:gd name="connsiteX37" fmla="*/ 0 w 5553123"/>
              <a:gd name="connsiteY37" fmla="*/ 76739 h 3128654"/>
              <a:gd name="connsiteX38" fmla="*/ 820049 w 5553123"/>
              <a:gd name="connsiteY38" fmla="*/ 76739 h 3128654"/>
              <a:gd name="connsiteX39" fmla="*/ 2000502 w 5553123"/>
              <a:gd name="connsiteY39" fmla="*/ 1184065 h 3128654"/>
              <a:gd name="connsiteX40" fmla="*/ 820049 w 5553123"/>
              <a:gd name="connsiteY40" fmla="*/ 2291391 h 3128654"/>
              <a:gd name="connsiteX41" fmla="*/ 0 w 5553123"/>
              <a:gd name="connsiteY41" fmla="*/ 2291391 h 3128654"/>
              <a:gd name="connsiteX42" fmla="*/ 5214998 w 5553123"/>
              <a:gd name="connsiteY42" fmla="*/ 0 h 3128654"/>
              <a:gd name="connsiteX43" fmla="*/ 5474410 w 5553123"/>
              <a:gd name="connsiteY43" fmla="*/ 55393 h 3128654"/>
              <a:gd name="connsiteX44" fmla="*/ 5386944 w 5553123"/>
              <a:gd name="connsiteY44" fmla="*/ 367187 h 3128654"/>
              <a:gd name="connsiteX45" fmla="*/ 5241258 w 5553123"/>
              <a:gd name="connsiteY45" fmla="*/ 340932 h 3128654"/>
              <a:gd name="connsiteX46" fmla="*/ 5025544 w 5553123"/>
              <a:gd name="connsiteY46" fmla="*/ 579901 h 3128654"/>
              <a:gd name="connsiteX47" fmla="*/ 5025544 w 5553123"/>
              <a:gd name="connsiteY47" fmla="*/ 837299 h 3128654"/>
              <a:gd name="connsiteX48" fmla="*/ 5553123 w 5553123"/>
              <a:gd name="connsiteY48" fmla="*/ 837402 h 3128654"/>
              <a:gd name="connsiteX49" fmla="*/ 5553123 w 5553123"/>
              <a:gd name="connsiteY49" fmla="*/ 1152113 h 3128654"/>
              <a:gd name="connsiteX50" fmla="*/ 5025544 w 5553123"/>
              <a:gd name="connsiteY50" fmla="*/ 1152113 h 3128654"/>
              <a:gd name="connsiteX51" fmla="*/ 5025544 w 5553123"/>
              <a:gd name="connsiteY51" fmla="*/ 2291528 h 3128654"/>
              <a:gd name="connsiteX52" fmla="*/ 4640802 w 5553123"/>
              <a:gd name="connsiteY52" fmla="*/ 2291528 h 3128654"/>
              <a:gd name="connsiteX53" fmla="*/ 4640802 w 5553123"/>
              <a:gd name="connsiteY53" fmla="*/ 1152113 h 3128654"/>
              <a:gd name="connsiteX54" fmla="*/ 4423612 w 5553123"/>
              <a:gd name="connsiteY54" fmla="*/ 1152113 h 3128654"/>
              <a:gd name="connsiteX55" fmla="*/ 4423612 w 5553123"/>
              <a:gd name="connsiteY55" fmla="*/ 837402 h 3128654"/>
              <a:gd name="connsiteX56" fmla="*/ 4640802 w 5553123"/>
              <a:gd name="connsiteY56" fmla="*/ 837402 h 3128654"/>
              <a:gd name="connsiteX57" fmla="*/ 4640802 w 5553123"/>
              <a:gd name="connsiteY57" fmla="*/ 580004 h 3128654"/>
              <a:gd name="connsiteX58" fmla="*/ 5214998 w 5553123"/>
              <a:gd name="connsiteY58" fmla="*/ 0 h 31286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5553123" h="3128654">
                <a:moveTo>
                  <a:pt x="3991223" y="1407246"/>
                </a:moveTo>
                <a:lnTo>
                  <a:pt x="3430346" y="1968030"/>
                </a:lnTo>
                <a:cubicBezTo>
                  <a:pt x="3483553" y="1989213"/>
                  <a:pt x="3540297" y="2000023"/>
                  <a:pt x="3597555" y="1999879"/>
                </a:cubicBezTo>
                <a:cubicBezTo>
                  <a:pt x="3819070" y="1999879"/>
                  <a:pt x="4017277" y="1836826"/>
                  <a:pt x="4017277" y="1565700"/>
                </a:cubicBezTo>
                <a:lnTo>
                  <a:pt x="4017243" y="1565803"/>
                </a:lnTo>
                <a:cubicBezTo>
                  <a:pt x="4017518" y="1511866"/>
                  <a:pt x="4008729" y="1458269"/>
                  <a:pt x="3991223" y="1407246"/>
                </a:cubicBezTo>
                <a:close/>
                <a:moveTo>
                  <a:pt x="3597692" y="1131487"/>
                </a:moveTo>
                <a:cubicBezTo>
                  <a:pt x="3370204" y="1131487"/>
                  <a:pt x="3172031" y="1294574"/>
                  <a:pt x="3172031" y="1565700"/>
                </a:cubicBezTo>
                <a:lnTo>
                  <a:pt x="3171997" y="1565803"/>
                </a:lnTo>
                <a:cubicBezTo>
                  <a:pt x="3171757" y="1618927"/>
                  <a:pt x="3180304" y="1671724"/>
                  <a:pt x="3197296" y="1722061"/>
                </a:cubicBezTo>
                <a:lnTo>
                  <a:pt x="3757830" y="1161723"/>
                </a:lnTo>
                <a:cubicBezTo>
                  <a:pt x="3706819" y="1141649"/>
                  <a:pt x="3652513" y="1131391"/>
                  <a:pt x="3597692" y="1131487"/>
                </a:cubicBezTo>
                <a:close/>
                <a:moveTo>
                  <a:pt x="2205438" y="837298"/>
                </a:moveTo>
                <a:lnTo>
                  <a:pt x="2590180" y="837298"/>
                </a:lnTo>
                <a:lnTo>
                  <a:pt x="2590180" y="2548651"/>
                </a:lnTo>
                <a:cubicBezTo>
                  <a:pt x="2590180" y="2895520"/>
                  <a:pt x="2359911" y="3128654"/>
                  <a:pt x="2015984" y="3128654"/>
                </a:cubicBezTo>
                <a:cubicBezTo>
                  <a:pt x="1922717" y="3128654"/>
                  <a:pt x="1838202" y="3111014"/>
                  <a:pt x="1756572" y="3073262"/>
                </a:cubicBezTo>
                <a:lnTo>
                  <a:pt x="1844038" y="2761571"/>
                </a:lnTo>
                <a:cubicBezTo>
                  <a:pt x="1896456" y="2779074"/>
                  <a:pt x="1948909" y="2787791"/>
                  <a:pt x="1989724" y="2787791"/>
                </a:cubicBezTo>
                <a:cubicBezTo>
                  <a:pt x="2118006" y="2787791"/>
                  <a:pt x="2205438" y="2691627"/>
                  <a:pt x="2205438" y="2548857"/>
                </a:cubicBezTo>
                <a:close/>
                <a:moveTo>
                  <a:pt x="4139105" y="780499"/>
                </a:moveTo>
                <a:lnTo>
                  <a:pt x="4378642" y="1020017"/>
                </a:lnTo>
                <a:lnTo>
                  <a:pt x="4263474" y="1135365"/>
                </a:lnTo>
                <a:cubicBezTo>
                  <a:pt x="4343457" y="1255038"/>
                  <a:pt x="4390485" y="1401034"/>
                  <a:pt x="4390485" y="1565769"/>
                </a:cubicBezTo>
                <a:cubicBezTo>
                  <a:pt x="4390485" y="2023285"/>
                  <a:pt x="4028880" y="2335080"/>
                  <a:pt x="3597520" y="2335080"/>
                </a:cubicBezTo>
                <a:cubicBezTo>
                  <a:pt x="3442429" y="2335080"/>
                  <a:pt x="3296983" y="2295681"/>
                  <a:pt x="3173748" y="2224604"/>
                </a:cubicBezTo>
                <a:lnTo>
                  <a:pt x="3050169" y="2348155"/>
                </a:lnTo>
                <a:lnTo>
                  <a:pt x="2810563" y="2108707"/>
                </a:lnTo>
                <a:lnTo>
                  <a:pt x="2925320" y="1993976"/>
                </a:lnTo>
                <a:cubicBezTo>
                  <a:pt x="2845543" y="1875058"/>
                  <a:pt x="2798892" y="1729886"/>
                  <a:pt x="2798892" y="1565838"/>
                </a:cubicBezTo>
                <a:cubicBezTo>
                  <a:pt x="2798892" y="1108390"/>
                  <a:pt x="3160291" y="793644"/>
                  <a:pt x="3597486" y="793644"/>
                </a:cubicBezTo>
                <a:cubicBezTo>
                  <a:pt x="3749866" y="793644"/>
                  <a:pt x="3893424" y="833077"/>
                  <a:pt x="4015526" y="904050"/>
                </a:cubicBezTo>
                <a:close/>
                <a:moveTo>
                  <a:pt x="396379" y="435140"/>
                </a:moveTo>
                <a:lnTo>
                  <a:pt x="396379" y="1932956"/>
                </a:lnTo>
                <a:lnTo>
                  <a:pt x="846344" y="1932956"/>
                </a:lnTo>
                <a:cubicBezTo>
                  <a:pt x="1298059" y="1932956"/>
                  <a:pt x="1601274" y="1632830"/>
                  <a:pt x="1601274" y="1184065"/>
                </a:cubicBezTo>
                <a:cubicBezTo>
                  <a:pt x="1601274" y="735300"/>
                  <a:pt x="1298128" y="435140"/>
                  <a:pt x="846344" y="435140"/>
                </a:cubicBezTo>
                <a:close/>
                <a:moveTo>
                  <a:pt x="0" y="76739"/>
                </a:moveTo>
                <a:lnTo>
                  <a:pt x="820049" y="76739"/>
                </a:lnTo>
                <a:cubicBezTo>
                  <a:pt x="1528328" y="76739"/>
                  <a:pt x="2000502" y="519670"/>
                  <a:pt x="2000502" y="1184065"/>
                </a:cubicBezTo>
                <a:cubicBezTo>
                  <a:pt x="2000502" y="1848460"/>
                  <a:pt x="1528328" y="2291391"/>
                  <a:pt x="820049" y="2291391"/>
                </a:cubicBezTo>
                <a:lnTo>
                  <a:pt x="0" y="2291391"/>
                </a:lnTo>
                <a:close/>
                <a:moveTo>
                  <a:pt x="5214998" y="0"/>
                </a:moveTo>
                <a:cubicBezTo>
                  <a:pt x="5308265" y="0"/>
                  <a:pt x="5392780" y="17641"/>
                  <a:pt x="5474410" y="55393"/>
                </a:cubicBezTo>
                <a:lnTo>
                  <a:pt x="5386944" y="367187"/>
                </a:lnTo>
                <a:cubicBezTo>
                  <a:pt x="5334526" y="349684"/>
                  <a:pt x="5282074" y="340932"/>
                  <a:pt x="5241258" y="340932"/>
                </a:cubicBezTo>
                <a:cubicBezTo>
                  <a:pt x="5112976" y="340932"/>
                  <a:pt x="5025544" y="437131"/>
                  <a:pt x="5025544" y="579901"/>
                </a:cubicBezTo>
                <a:lnTo>
                  <a:pt x="5025544" y="837299"/>
                </a:lnTo>
                <a:lnTo>
                  <a:pt x="5553123" y="837402"/>
                </a:lnTo>
                <a:lnTo>
                  <a:pt x="5553123" y="1152113"/>
                </a:lnTo>
                <a:lnTo>
                  <a:pt x="5025544" y="1152113"/>
                </a:lnTo>
                <a:lnTo>
                  <a:pt x="5025544" y="2291528"/>
                </a:lnTo>
                <a:lnTo>
                  <a:pt x="4640802" y="2291528"/>
                </a:lnTo>
                <a:lnTo>
                  <a:pt x="4640802" y="1152113"/>
                </a:lnTo>
                <a:lnTo>
                  <a:pt x="4423612" y="1152113"/>
                </a:lnTo>
                <a:lnTo>
                  <a:pt x="4423612" y="837402"/>
                </a:lnTo>
                <a:lnTo>
                  <a:pt x="4640802" y="837402"/>
                </a:lnTo>
                <a:lnTo>
                  <a:pt x="4640802" y="580004"/>
                </a:lnTo>
                <a:cubicBezTo>
                  <a:pt x="4640802" y="233134"/>
                  <a:pt x="4871070" y="0"/>
                  <a:pt x="5214998" y="0"/>
                </a:cubicBezTo>
                <a:close/>
              </a:path>
            </a:pathLst>
          </a:custGeom>
          <a:solidFill>
            <a:srgbClr val="FFFFFF"/>
          </a:solidFill>
          <a:ln w="3432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 bwMode="white">
          <a:xfrm>
            <a:off x="1916311" y="3812823"/>
            <a:ext cx="3024485" cy="4441600"/>
          </a:xfrm>
        </p:spPr>
        <p:txBody>
          <a:bodyPr anchor="ctr"/>
          <a:lstStyle>
            <a:lvl1pPr>
              <a:defRPr sz="3038">
                <a:solidFill>
                  <a:schemeClr val="tx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8" name="Date Placeholder 2">
            <a:extLst>
              <a:ext uri="{FF2B5EF4-FFF2-40B4-BE49-F238E27FC236}">
                <a16:creationId xmlns:a16="http://schemas.microsoft.com/office/drawing/2014/main" id="{E6A06583-6CCF-2111-AFDF-1172AC915FE2}"/>
              </a:ext>
            </a:extLst>
          </p:cNvPr>
          <p:cNvSpPr>
            <a:spLocks noGrp="1"/>
          </p:cNvSpPr>
          <p:nvPr>
            <p:ph type="dt" sz="half" idx="10"/>
          </p:nvPr>
        </p:nvSpPr>
        <p:spPr bwMode="white"/>
        <p:txBody>
          <a:bodyPr/>
          <a:lstStyle>
            <a:lvl1pPr>
              <a:defRPr/>
            </a:lvl1pPr>
          </a:lstStyle>
          <a:p>
            <a:pPr>
              <a:defRPr/>
            </a:pPr>
            <a:fld id="{6265D38D-9C72-4D92-9CF1-28DA38C23E52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9" name="Footer Placeholder 3">
            <a:extLst>
              <a:ext uri="{FF2B5EF4-FFF2-40B4-BE49-F238E27FC236}">
                <a16:creationId xmlns:a16="http://schemas.microsoft.com/office/drawing/2014/main" id="{611AC27C-EA7C-FEC0-2B7A-AB28F30A63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 bwMode="white"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10" name="Slide Number Placeholder 4">
            <a:extLst>
              <a:ext uri="{FF2B5EF4-FFF2-40B4-BE49-F238E27FC236}">
                <a16:creationId xmlns:a16="http://schemas.microsoft.com/office/drawing/2014/main" id="{BEF1A6FE-C0A0-EDB6-6CB9-C0CEC620AFA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 bwMode="white"/>
        <p:txBody>
          <a:bodyPr/>
          <a:lstStyle>
            <a:lvl1pPr>
              <a:defRPr/>
            </a:lvl1pPr>
          </a:lstStyle>
          <a:p>
            <a:pPr>
              <a:defRPr/>
            </a:pPr>
            <a:fld id="{3EED4624-620E-4C3B-B1AF-21D982F3277A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66502694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6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ugerguide O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Box 3">
            <a:extLst>
              <a:ext uri="{FF2B5EF4-FFF2-40B4-BE49-F238E27FC236}">
                <a16:creationId xmlns:a16="http://schemas.microsoft.com/office/drawing/2014/main" id="{DAA45C10-4110-E304-CE91-664B85531AD5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2444750" y="2638425"/>
            <a:ext cx="1558925" cy="8343900"/>
          </a:xfrm>
          <a:prstGeom prst="rect">
            <a:avLst/>
          </a:prstGeom>
          <a:noFill/>
          <a:ln>
            <a:noFill/>
          </a:ln>
        </p:spPr>
        <p:txBody>
          <a:bodyPr lIns="0" tIns="0" rIns="81000" bIns="0"/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defTabSz="514350" eaLnBrk="1" fontAlgn="auto" hangingPunct="1">
              <a:spcBef>
                <a:spcPts val="675"/>
              </a:spcBef>
              <a:spcAft>
                <a:spcPts val="338"/>
              </a:spcAft>
              <a:defRPr/>
            </a:pPr>
            <a:r>
              <a:rPr lang="da-DK" sz="900" dirty="0">
                <a:latin typeface="+mn-lt"/>
                <a:cs typeface="Arial" panose="020B0604020202020204" pitchFamily="34" charset="0"/>
              </a:rPr>
              <a:t>BILLEDER</a:t>
            </a:r>
            <a:br>
              <a:rPr lang="da-DK" sz="900" dirty="0">
                <a:latin typeface="+mn-lt"/>
                <a:cs typeface="Arial" panose="020B0604020202020204" pitchFamily="34" charset="0"/>
              </a:rPr>
            </a:br>
            <a:r>
              <a:rPr lang="da-DK" sz="506" b="1" noProof="1">
                <a:latin typeface="+mn-lt"/>
                <a:cs typeface="Arial" panose="020B0604020202020204" pitchFamily="34" charset="0"/>
              </a:rPr>
              <a:t>Indsæt fra Templafy</a:t>
            </a:r>
            <a:endParaRPr lang="da-DK" altLang="da-DK" sz="506" noProof="1">
              <a:latin typeface="+mn-lt"/>
              <a:cs typeface="Arial" panose="020B0604020202020204" pitchFamily="34" charset="0"/>
            </a:endParaRPr>
          </a:p>
          <a:p>
            <a:pPr defTabSz="514350"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1. 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Klik på den blå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Templafy 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knap</a:t>
            </a:r>
          </a:p>
          <a:p>
            <a:pPr defTabSz="514350"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2. 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I dropdown menuen, vælg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Images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, klik på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Skyfish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 knappen i Templafy vinduet i højre side af skærmen</a:t>
            </a:r>
          </a:p>
          <a:p>
            <a:pPr defTabSz="514350"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endParaRPr lang="da-DK" altLang="da-DK" sz="506" noProof="1">
              <a:latin typeface="+mn-lt"/>
              <a:cs typeface="Arial" panose="020B0604020202020204" pitchFamily="34" charset="0"/>
            </a:endParaRPr>
          </a:p>
          <a:p>
            <a:pPr defTabSz="514350"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Indsæt billede</a:t>
            </a:r>
          </a:p>
          <a:p>
            <a:pPr defTabSz="514350"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På slides med billedpladsholder, klik på ikonet og vælg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Indsæt 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for at søge efter billede</a:t>
            </a:r>
            <a:endParaRPr lang="da-DK" altLang="da-DK" sz="506" b="1" noProof="1">
              <a:latin typeface="+mn-lt"/>
              <a:cs typeface="Arial" panose="020B0604020202020204" pitchFamily="34" charset="0"/>
            </a:endParaRPr>
          </a:p>
          <a:p>
            <a:pPr eaLnBrk="1" fontAlgn="auto" hangingPunct="1">
              <a:spcBef>
                <a:spcPts val="675"/>
              </a:spcBef>
              <a:spcAft>
                <a:spcPts val="338"/>
              </a:spcAft>
              <a:defRPr/>
            </a:pPr>
            <a:r>
              <a:rPr lang="da-DK" sz="506" b="1" noProof="1">
                <a:latin typeface="+mn-lt"/>
                <a:cs typeface="Arial" panose="020B0604020202020204" pitchFamily="34" charset="0"/>
              </a:rPr>
              <a:t>Beskær billede</a:t>
            </a:r>
          </a:p>
          <a:p>
            <a:pPr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1. 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Klik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Beskær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 for at ændre billedets fokus/størrelse</a:t>
            </a:r>
          </a:p>
          <a:p>
            <a:pPr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2. 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Ønsker du at skalere billedet, så hold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SHIFT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-knappen nede, mens du trækker i billedets hjørner</a:t>
            </a:r>
          </a:p>
          <a:p>
            <a:pPr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br>
              <a:rPr lang="da-DK" altLang="da-DK" sz="506" noProof="1">
                <a:latin typeface="+mn-lt"/>
                <a:cs typeface="Arial" panose="020B0604020202020204" pitchFamily="34" charset="0"/>
              </a:rPr>
            </a:b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TIP: 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Hvis du sletter billedet og indsætter et nyt, kan billedet lægge sig foran tekst og grafik. Hvis dette sker, højreklik på billedet og vælg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Placer bagest</a:t>
            </a:r>
          </a:p>
          <a:p>
            <a:pPr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endParaRPr lang="da-DK" altLang="da-DK" sz="506" b="1" noProof="1">
              <a:latin typeface="+mn-lt"/>
              <a:cs typeface="Arial" panose="020B0604020202020204" pitchFamily="34" charset="0"/>
            </a:endParaRPr>
          </a:p>
          <a:p>
            <a:pPr defTabSz="514350"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sz="900" dirty="0">
                <a:latin typeface="+mn-lt"/>
                <a:cs typeface="Arial" panose="020B0604020202020204" pitchFamily="34" charset="0"/>
              </a:rPr>
              <a:t>HJÆLPELINJER</a:t>
            </a:r>
            <a:endParaRPr lang="da-DK" altLang="da-DK" sz="900" noProof="1">
              <a:latin typeface="+mn-lt"/>
              <a:cs typeface="Arial" panose="020B0604020202020204" pitchFamily="34" charset="0"/>
            </a:endParaRPr>
          </a:p>
          <a:p>
            <a:pPr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Klik på fanen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Vis 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og sæt hak ved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Hjælpelinjer</a:t>
            </a:r>
          </a:p>
          <a:p>
            <a:pPr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TIP: Alt + F9 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for hurtig visning af hjælpelinjer</a:t>
            </a:r>
            <a:br>
              <a:rPr lang="da-DK" altLang="da-DK" sz="506" noProof="1">
                <a:latin typeface="+mn-lt"/>
                <a:cs typeface="Arial" panose="020B0604020202020204" pitchFamily="34" charset="0"/>
              </a:rPr>
            </a:b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Mac: </a:t>
            </a:r>
            <a:r>
              <a:rPr lang="da-DK" sz="506" dirty="0">
                <a:solidFill>
                  <a:srgbClr val="333333"/>
                </a:solidFill>
                <a:latin typeface="Arial"/>
              </a:rPr>
              <a:t>⌘ 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+ option + ctrl + G</a:t>
            </a:r>
            <a:endParaRPr lang="da-DK" altLang="da-DK" sz="506" b="1" noProof="1">
              <a:latin typeface="+mn-lt"/>
              <a:cs typeface="Arial" panose="020B0604020202020204" pitchFamily="34" charset="0"/>
            </a:endParaRPr>
          </a:p>
        </p:txBody>
      </p:sp>
      <p:grpSp>
        <p:nvGrpSpPr>
          <p:cNvPr id="3" name="Gruppe 9">
            <a:extLst>
              <a:ext uri="{FF2B5EF4-FFF2-40B4-BE49-F238E27FC236}">
                <a16:creationId xmlns:a16="http://schemas.microsoft.com/office/drawing/2014/main" id="{BAAA1116-5D64-F081-2AD8-B9154331A8A3}"/>
              </a:ext>
            </a:extLst>
          </p:cNvPr>
          <p:cNvGrpSpPr>
            <a:grpSpLocks/>
          </p:cNvGrpSpPr>
          <p:nvPr userDrawn="1"/>
        </p:nvGrpSpPr>
        <p:grpSpPr bwMode="auto">
          <a:xfrm>
            <a:off x="4011613" y="3100388"/>
            <a:ext cx="381000" cy="1773237"/>
            <a:chOff x="6442771" y="2574072"/>
            <a:chExt cx="676669" cy="997704"/>
          </a:xfrm>
        </p:grpSpPr>
        <p:pic>
          <p:nvPicPr>
            <p:cNvPr id="4" name="Billede 10">
              <a:extLst>
                <a:ext uri="{FF2B5EF4-FFF2-40B4-BE49-F238E27FC236}">
                  <a16:creationId xmlns:a16="http://schemas.microsoft.com/office/drawing/2014/main" id="{03DFBCCD-1F58-468F-EBF3-7F3DE161253F}"/>
                </a:ext>
              </a:extLst>
            </p:cNvPr>
            <p:cNvPicPr>
              <a:picLocks noChangeAspect="1" noChangeArrowheads="1"/>
            </p:cNvPicPr>
            <p:nvPr userDrawn="1"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442771" y="2574072"/>
              <a:ext cx="305786" cy="36585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5" name="Billede 4">
              <a:extLst>
                <a:ext uri="{FF2B5EF4-FFF2-40B4-BE49-F238E27FC236}">
                  <a16:creationId xmlns:a16="http://schemas.microsoft.com/office/drawing/2014/main" id="{8FF57605-E9CD-4AB9-BC52-0B254A2EA1CA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3"/>
            <a:srcRect l="1432" t="16308" r="2422" b="1509"/>
            <a:stretch/>
          </p:blipFill>
          <p:spPr>
            <a:xfrm>
              <a:off x="6445590" y="2942963"/>
              <a:ext cx="673850" cy="628813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sp>
        <p:nvSpPr>
          <p:cNvPr id="6" name="Text Box 3">
            <a:extLst>
              <a:ext uri="{FF2B5EF4-FFF2-40B4-BE49-F238E27FC236}">
                <a16:creationId xmlns:a16="http://schemas.microsoft.com/office/drawing/2014/main" id="{C17E7AEF-65B7-6631-AD1E-07AD0833ED35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754563" y="2659063"/>
            <a:ext cx="1609725" cy="8304212"/>
          </a:xfrm>
          <a:prstGeom prst="rect">
            <a:avLst/>
          </a:prstGeom>
          <a:noFill/>
          <a:ln>
            <a:noFill/>
          </a:ln>
        </p:spPr>
        <p:txBody>
          <a:bodyPr lIns="0" tIns="0" rIns="81000" bIns="0"/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defTabSz="514350"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sz="900" dirty="0">
                <a:latin typeface="+mn-lt"/>
                <a:cs typeface="Arial" panose="020B0604020202020204" pitchFamily="34" charset="0"/>
              </a:rPr>
              <a:t>SIDEHOVED &amp; -FOD</a:t>
            </a:r>
            <a:endParaRPr lang="da-DK" altLang="da-DK" sz="900" noProof="1">
              <a:latin typeface="+mn-lt"/>
              <a:cs typeface="Arial" panose="020B0604020202020204" pitchFamily="34" charset="0"/>
            </a:endParaRPr>
          </a:p>
          <a:p>
            <a:pPr defTabSz="514350"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Gør dette som det sidste i din præsentation, så ændringerne slår igennem på alle slides</a:t>
            </a:r>
            <a:endParaRPr lang="da-DK" sz="506" b="1" noProof="1">
              <a:latin typeface="+mn-lt"/>
              <a:cs typeface="Arial" panose="020B0604020202020204" pitchFamily="34" charset="0"/>
            </a:endParaRPr>
          </a:p>
          <a:p>
            <a:pPr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Klik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Sidehoved og Sidefod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 i fanen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Indsæt</a:t>
            </a:r>
            <a:br>
              <a:rPr lang="da-DK" altLang="da-DK" sz="506" noProof="1">
                <a:latin typeface="+mn-lt"/>
                <a:cs typeface="Arial" panose="020B0604020202020204" pitchFamily="34" charset="0"/>
              </a:rPr>
            </a:b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(indtast evt.. Datoi dato feltet og tekst i sidefod) Vælg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Anvend på alle 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eller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Anvend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 hvis det kun skal være på et enkelt slide</a:t>
            </a:r>
          </a:p>
          <a:p>
            <a:pPr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endParaRPr lang="da-DK" altLang="da-DK" sz="506" noProof="1">
              <a:latin typeface="+mn-lt"/>
              <a:cs typeface="Arial" panose="020B0604020202020204" pitchFamily="34" charset="0"/>
            </a:endParaRPr>
          </a:p>
          <a:p>
            <a:pPr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altLang="da-DK" sz="900" noProof="1">
                <a:latin typeface="+mn-lt"/>
                <a:cs typeface="Arial" panose="020B0604020202020204" pitchFamily="34" charset="0"/>
              </a:rPr>
              <a:t>COPY/PASTE INDHOLD</a:t>
            </a:r>
          </a:p>
          <a:p>
            <a:pPr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Du har 2 muligheder, når du kopierer gammelt indhold over i din nye præsentation:</a:t>
            </a:r>
          </a:p>
          <a:p>
            <a:pPr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1. Best practice: 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Opret et slide i din nye præsentation og kopier ét indholdselement ad gangen (fx kopier al tekst fra én tekstboks)</a:t>
            </a:r>
          </a:p>
          <a:p>
            <a:pPr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2. 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Eller kopier et helt slide over i din nye præsentation og vælg derefter et passende layout . Husk at slette de gamle, forkerte layouts (gå i Vis &gt; Slidemaster og slet dem)</a:t>
            </a:r>
          </a:p>
          <a:p>
            <a:pPr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endParaRPr lang="da-DK" altLang="da-DK" sz="506" noProof="1">
              <a:latin typeface="+mn-lt"/>
              <a:cs typeface="Arial" panose="020B0604020202020204" pitchFamily="34" charset="0"/>
            </a:endParaRPr>
          </a:p>
          <a:p>
            <a:pPr defTabSz="514350"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sz="900" dirty="0">
                <a:latin typeface="+mn-lt"/>
                <a:cs typeface="Arial" panose="020B0604020202020204" pitchFamily="34" charset="0"/>
              </a:rPr>
              <a:t>SLIDES &amp; SLIDE ELEMENTS</a:t>
            </a:r>
            <a:endParaRPr lang="da-DK" altLang="da-DK" sz="900" noProof="1">
              <a:latin typeface="+mn-lt"/>
              <a:cs typeface="Arial" panose="020B0604020202020204" pitchFamily="34" charset="0"/>
            </a:endParaRPr>
          </a:p>
          <a:p>
            <a:pPr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Indsæt prædefineret slides og elementer </a:t>
            </a:r>
            <a:br>
              <a:rPr lang="da-DK" altLang="da-DK" sz="506" noProof="1">
                <a:latin typeface="+mn-lt"/>
                <a:cs typeface="Arial" panose="020B0604020202020204" pitchFamily="34" charset="0"/>
              </a:rPr>
            </a:b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fra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Templafy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 knappen. Vælg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Slides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 og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Slide elements 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fra dropdown menuen eller </a:t>
            </a:r>
            <a:br>
              <a:rPr lang="da-DK" altLang="da-DK" sz="506" noProof="1">
                <a:latin typeface="+mn-lt"/>
                <a:cs typeface="Arial" panose="020B0604020202020204" pitchFamily="34" charset="0"/>
              </a:rPr>
            </a:b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knapperne i Templafy vinduet i højre side </a:t>
            </a:r>
            <a:br>
              <a:rPr lang="da-DK" altLang="da-DK" sz="506" noProof="1">
                <a:latin typeface="+mn-lt"/>
                <a:cs typeface="Arial" panose="020B0604020202020204" pitchFamily="34" charset="0"/>
              </a:rPr>
            </a:b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af skærmen</a:t>
            </a:r>
          </a:p>
          <a:p>
            <a:pPr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endParaRPr lang="da-DK" altLang="da-DK" sz="506" noProof="1">
              <a:latin typeface="+mn-lt"/>
              <a:cs typeface="Arial" panose="020B0604020202020204" pitchFamily="34" charset="0"/>
            </a:endParaRPr>
          </a:p>
        </p:txBody>
      </p:sp>
      <p:sp>
        <p:nvSpPr>
          <p:cNvPr id="7" name="Text Box 2">
            <a:extLst>
              <a:ext uri="{FF2B5EF4-FFF2-40B4-BE49-F238E27FC236}">
                <a16:creationId xmlns:a16="http://schemas.microsoft.com/office/drawing/2014/main" id="{4FA2A91B-8C26-E5A5-18DE-DBBF2900ACD1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03213" y="2638425"/>
            <a:ext cx="1558925" cy="8324850"/>
          </a:xfrm>
          <a:prstGeom prst="rect">
            <a:avLst/>
          </a:prstGeom>
          <a:noFill/>
          <a:ln>
            <a:noFill/>
          </a:ln>
        </p:spPr>
        <p:txBody>
          <a:bodyPr lIns="0" tIns="0" rIns="81000" bIns="0"/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defTabSz="514350"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sz="900" dirty="0">
                <a:latin typeface="+mn-lt"/>
                <a:cs typeface="Arial" panose="020B0604020202020204" pitchFamily="34" charset="0"/>
              </a:rPr>
              <a:t>TYPOGRAFIER</a:t>
            </a:r>
            <a:endParaRPr lang="da-DK" altLang="da-DK" sz="900" noProof="1">
              <a:latin typeface="+mn-lt"/>
              <a:cs typeface="Arial" panose="020B0604020202020204" pitchFamily="34" charset="0"/>
            </a:endParaRPr>
          </a:p>
          <a:p>
            <a:pPr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Brug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 TAB 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for at gå frem i tekst-niveauer. Klik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ENTER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, derefter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TAB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 for at skifte fra et niveau til et næste</a:t>
            </a:r>
          </a:p>
          <a:p>
            <a:pPr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For at gå tilbage i tekst-niveauer, brug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SHIFT+TAB</a:t>
            </a:r>
            <a:endParaRPr lang="da-DK" altLang="da-DK" sz="506" noProof="1">
              <a:latin typeface="+mn-lt"/>
              <a:cs typeface="Arial" panose="020B0604020202020204" pitchFamily="34" charset="0"/>
            </a:endParaRPr>
          </a:p>
          <a:p>
            <a:pPr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Alternativt kan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Forøg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 og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Formindsk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 listeniveau bruges</a:t>
            </a:r>
            <a:br>
              <a:rPr lang="da-DK" altLang="da-DK" sz="506" noProof="1">
                <a:latin typeface="+mn-lt"/>
                <a:cs typeface="Arial" panose="020B0604020202020204" pitchFamily="34" charset="0"/>
              </a:rPr>
            </a:br>
            <a:endParaRPr lang="da-DK" altLang="da-DK" sz="506" noProof="1">
              <a:latin typeface="+mn-lt"/>
              <a:cs typeface="Arial" panose="020B0604020202020204" pitchFamily="34" charset="0"/>
            </a:endParaRPr>
          </a:p>
          <a:p>
            <a:pPr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sz="506" b="1" noProof="1">
                <a:latin typeface="+mn-lt"/>
                <a:cs typeface="Arial" panose="020B0604020202020204" pitchFamily="34" charset="0"/>
              </a:rPr>
              <a:t>TIP: Brug bullet knappen</a:t>
            </a:r>
          </a:p>
          <a:p>
            <a:pPr defTabSz="514350"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Fjern bullet for almindelig tekst.</a:t>
            </a:r>
            <a:br>
              <a:rPr lang="da-DK" altLang="da-DK" sz="506" noProof="1">
                <a:latin typeface="+mn-lt"/>
                <a:cs typeface="Arial" panose="020B0604020202020204" pitchFamily="34" charset="0"/>
              </a:rPr>
            </a:b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Klik på bullet knappen for at sætte korrekt bullet igen.</a:t>
            </a:r>
            <a:br>
              <a:rPr lang="da-DK" altLang="da-DK" sz="506" noProof="1">
                <a:latin typeface="+mn-lt"/>
                <a:cs typeface="Arial" panose="020B0604020202020204" pitchFamily="34" charset="0"/>
              </a:rPr>
            </a:br>
            <a:br>
              <a:rPr lang="da-DK" altLang="da-DK" sz="506" b="1" noProof="1">
                <a:latin typeface="+mn-lt"/>
                <a:cs typeface="Arial" panose="020B0604020202020204" pitchFamily="34" charset="0"/>
              </a:rPr>
            </a:br>
            <a:r>
              <a:rPr lang="da-DK" sz="900" dirty="0">
                <a:latin typeface="+mn-lt"/>
                <a:cs typeface="Arial" panose="020B0604020202020204" pitchFamily="34" charset="0"/>
              </a:rPr>
              <a:t>SLIDES &amp; LAYOUTS</a:t>
            </a:r>
            <a:br>
              <a:rPr lang="da-DK" altLang="da-DK" sz="506" b="1" noProof="1">
                <a:latin typeface="+mn-lt"/>
                <a:cs typeface="Arial" panose="020B0604020202020204" pitchFamily="34" charset="0"/>
              </a:rPr>
            </a:br>
            <a:br>
              <a:rPr lang="da-DK" altLang="da-DK" sz="506" b="1" noProof="1">
                <a:latin typeface="+mn-lt"/>
                <a:cs typeface="Arial" panose="020B0604020202020204" pitchFamily="34" charset="0"/>
              </a:rPr>
            </a:b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Klik på menupunktet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Nyt Slide 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i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Hjem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 fanen for at indsætte nyt slide</a:t>
            </a:r>
            <a:br>
              <a:rPr lang="da-DK" altLang="da-DK" sz="506" noProof="1">
                <a:latin typeface="+mn-lt"/>
                <a:cs typeface="Arial" panose="020B0604020202020204" pitchFamily="34" charset="0"/>
              </a:rPr>
            </a:br>
            <a:br>
              <a:rPr lang="da-DK" altLang="da-DK" sz="506" noProof="1">
                <a:latin typeface="+mn-lt"/>
                <a:cs typeface="Arial" panose="020B0604020202020204" pitchFamily="34" charset="0"/>
              </a:rPr>
            </a:b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Ændre layout</a:t>
            </a:r>
            <a:endParaRPr lang="da-DK" altLang="da-DK" sz="506" noProof="1">
              <a:latin typeface="+mn-lt"/>
              <a:cs typeface="Arial" panose="020B0604020202020204" pitchFamily="34" charset="0"/>
            </a:endParaRPr>
          </a:p>
          <a:p>
            <a:pPr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Klik på pilen ved siden af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Layout 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for at få vist en dropdown menu af mulige slides layout</a:t>
            </a:r>
            <a:br>
              <a:rPr lang="da-DK" altLang="da-DK" sz="506" noProof="1">
                <a:latin typeface="+mn-lt"/>
                <a:cs typeface="Arial" panose="020B0604020202020204" pitchFamily="34" charset="0"/>
              </a:rPr>
            </a:br>
            <a:br>
              <a:rPr lang="da-DK" altLang="da-DK" sz="506" noProof="1">
                <a:latin typeface="+mn-lt"/>
                <a:cs typeface="Arial" panose="020B0604020202020204" pitchFamily="34" charset="0"/>
              </a:rPr>
            </a:br>
            <a:r>
              <a:rPr lang="da-DK" sz="506" b="1" noProof="1">
                <a:latin typeface="+mn-lt"/>
                <a:cs typeface="Arial" panose="020B0604020202020204" pitchFamily="34" charset="0"/>
              </a:rPr>
              <a:t>Nulstil slide</a:t>
            </a:r>
          </a:p>
          <a:p>
            <a:pPr defTabSz="514350" eaLnBrk="1" fontAlgn="auto" hangingPunct="1">
              <a:spcBef>
                <a:spcPts val="0"/>
              </a:spcBef>
              <a:spcAft>
                <a:spcPts val="338"/>
              </a:spcAft>
              <a:buFont typeface="+mj-lt"/>
              <a:buNone/>
              <a:defRPr/>
            </a:pP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1. 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Klik på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Hjem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 knappen</a:t>
            </a:r>
          </a:p>
          <a:p>
            <a:pPr defTabSz="514350" eaLnBrk="1" fontAlgn="auto" hangingPunct="1">
              <a:spcBef>
                <a:spcPts val="0"/>
              </a:spcBef>
              <a:spcAft>
                <a:spcPts val="338"/>
              </a:spcAft>
              <a:buFont typeface="+mj-lt"/>
              <a:buNone/>
              <a:defRPr/>
            </a:pP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2. 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Vælg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Nulstil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 for at nulstille placering, størrelse og formatering af pladsholdere til layoutets oprindelige design i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Hjem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 fanen</a:t>
            </a:r>
            <a:endParaRPr lang="da-DK" sz="506" b="1" noProof="1">
              <a:latin typeface="+mn-lt"/>
              <a:cs typeface="Arial" panose="020B0604020202020204" pitchFamily="34" charset="0"/>
            </a:endParaRPr>
          </a:p>
          <a:p>
            <a:pPr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endParaRPr lang="da-DK" altLang="da-DK" sz="506" noProof="1">
              <a:latin typeface="+mn-lt"/>
              <a:cs typeface="Arial" panose="020B0604020202020204" pitchFamily="34" charset="0"/>
            </a:endParaRPr>
          </a:p>
        </p:txBody>
      </p:sp>
      <p:pic>
        <p:nvPicPr>
          <p:cNvPr id="8" name="Picture 2">
            <a:extLst>
              <a:ext uri="{FF2B5EF4-FFF2-40B4-BE49-F238E27FC236}">
                <a16:creationId xmlns:a16="http://schemas.microsoft.com/office/drawing/2014/main" id="{2819E51E-49B2-296A-E77A-522A7224625F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855788" y="5734050"/>
            <a:ext cx="144462" cy="508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9" name="Picture 29">
            <a:extLst>
              <a:ext uri="{FF2B5EF4-FFF2-40B4-BE49-F238E27FC236}">
                <a16:creationId xmlns:a16="http://schemas.microsoft.com/office/drawing/2014/main" id="{8DE1BCB8-6A39-325F-43E3-81C39CD3D03A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855788" y="4416425"/>
            <a:ext cx="257175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" name="Billede 16">
            <a:extLst>
              <a:ext uri="{FF2B5EF4-FFF2-40B4-BE49-F238E27FC236}">
                <a16:creationId xmlns:a16="http://schemas.microsoft.com/office/drawing/2014/main" id="{E30219FC-5E00-73EE-B113-BE4B643F585A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855788" y="7318375"/>
            <a:ext cx="173037" cy="9382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1" name="Billede 17">
            <a:extLst>
              <a:ext uri="{FF2B5EF4-FFF2-40B4-BE49-F238E27FC236}">
                <a16:creationId xmlns:a16="http://schemas.microsoft.com/office/drawing/2014/main" id="{65B539E8-F3CA-5711-D582-23BB9AF4E324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030"/>
          <a:stretch>
            <a:fillRect/>
          </a:stretch>
        </p:blipFill>
        <p:spPr bwMode="auto">
          <a:xfrm>
            <a:off x="1855788" y="10188575"/>
            <a:ext cx="279400" cy="3063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2" name="Picture 33">
            <a:extLst>
              <a:ext uri="{FF2B5EF4-FFF2-40B4-BE49-F238E27FC236}">
                <a16:creationId xmlns:a16="http://schemas.microsoft.com/office/drawing/2014/main" id="{09376802-9B1F-561B-41A0-111CC1939C3B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902" t="45142" r="62601" b="9045"/>
          <a:stretch>
            <a:fillRect/>
          </a:stretch>
        </p:blipFill>
        <p:spPr bwMode="auto">
          <a:xfrm>
            <a:off x="4011613" y="5310188"/>
            <a:ext cx="192087" cy="5715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3" name="Billede 19">
            <a:extLst>
              <a:ext uri="{FF2B5EF4-FFF2-40B4-BE49-F238E27FC236}">
                <a16:creationId xmlns:a16="http://schemas.microsoft.com/office/drawing/2014/main" id="{A3362B19-A70A-6009-28B6-077AC0487870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035425" y="6586538"/>
            <a:ext cx="204788" cy="8540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4" name="Fast overskrift">
            <a:extLst>
              <a:ext uri="{FF2B5EF4-FFF2-40B4-BE49-F238E27FC236}">
                <a16:creationId xmlns:a16="http://schemas.microsoft.com/office/drawing/2014/main" id="{BE6F291D-CA33-85DF-B50B-56ABF0C5446F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03213" y="796925"/>
            <a:ext cx="6249987" cy="11572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/>
          <a:lstStyle>
            <a:lvl1pPr>
              <a:defRPr>
                <a:solidFill>
                  <a:schemeClr val="tx1"/>
                </a:solidFill>
                <a:latin typeface="Djoef Offc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Djoef Offc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Djoef Offc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Djoef Offc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Djoef Offc" charset="0"/>
              </a:defRPr>
            </a:lvl5pPr>
            <a:lvl6pPr marL="25146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6pPr>
            <a:lvl7pPr marL="29718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7pPr>
            <a:lvl8pPr marL="34290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8pPr>
            <a:lvl9pPr marL="38862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9pPr>
          </a:lstStyle>
          <a:p>
            <a:pPr eaLnBrk="1" hangingPunct="1"/>
            <a:r>
              <a:rPr lang="da-DK" altLang="da-DK" noProof="1">
                <a:cs typeface="Arial" panose="020B0604020202020204" pitchFamily="34" charset="0"/>
              </a:rPr>
              <a:t>TIPS &amp; TRICKS - DIN BRUGERGUIDE</a:t>
            </a:r>
          </a:p>
        </p:txBody>
      </p:sp>
      <p:pic>
        <p:nvPicPr>
          <p:cNvPr id="15" name="Picture 2" descr="C:\Users\MAV~1.SKA\AppData\Local\Temp\SNAGHTMLe48c1e.PNG">
            <a:extLst>
              <a:ext uri="{FF2B5EF4-FFF2-40B4-BE49-F238E27FC236}">
                <a16:creationId xmlns:a16="http://schemas.microsoft.com/office/drawing/2014/main" id="{68B1F06A-CB3A-ABBA-8B82-A7CD08AE661C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183313" y="9224963"/>
            <a:ext cx="366712" cy="17319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6" name="Picture 36">
            <a:extLst>
              <a:ext uri="{FF2B5EF4-FFF2-40B4-BE49-F238E27FC236}">
                <a16:creationId xmlns:a16="http://schemas.microsoft.com/office/drawing/2014/main" id="{CF2EF115-791A-7320-47F8-D3DB654FE099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855788" y="8566150"/>
            <a:ext cx="268287" cy="3143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7" name="Billede 23">
            <a:extLst>
              <a:ext uri="{FF2B5EF4-FFF2-40B4-BE49-F238E27FC236}">
                <a16:creationId xmlns:a16="http://schemas.microsoft.com/office/drawing/2014/main" id="{682F772C-8A59-6060-D78A-965F5E73EF7D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313488" y="3644900"/>
            <a:ext cx="247650" cy="9667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8" name="Picture 2">
            <a:extLst>
              <a:ext uri="{FF2B5EF4-FFF2-40B4-BE49-F238E27FC236}">
                <a16:creationId xmlns:a16="http://schemas.microsoft.com/office/drawing/2014/main" id="{526982C3-699C-F0F1-B040-D39080AF646C}"/>
              </a:ext>
            </a:extLst>
          </p:cNvPr>
          <p:cNvPicPr>
            <a:picLocks noChangeAspect="1"/>
          </p:cNvPicPr>
          <p:nvPr userDrawn="1"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732" t="22816" r="10716" b="3580"/>
          <a:stretch>
            <a:fillRect/>
          </a:stretch>
        </p:blipFill>
        <p:spPr bwMode="auto">
          <a:xfrm>
            <a:off x="4227513" y="3190875"/>
            <a:ext cx="138112" cy="469900"/>
          </a:xfrm>
          <a:prstGeom prst="rect">
            <a:avLst/>
          </a:prstGeom>
          <a:noFill/>
          <a:ln w="9525">
            <a:solidFill>
              <a:schemeClr val="bg2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9" name="Date Placeholder 6" hidden="1">
            <a:extLst>
              <a:ext uri="{FF2B5EF4-FFF2-40B4-BE49-F238E27FC236}">
                <a16:creationId xmlns:a16="http://schemas.microsoft.com/office/drawing/2014/main" id="{5F0BC839-B12D-A465-2C56-8DE3029E6D3E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12192000"/>
            <a:ext cx="0" cy="0"/>
          </a:xfrm>
        </p:spPr>
        <p:txBody>
          <a:bodyPr/>
          <a:lstStyle>
            <a:lvl1pPr>
              <a:defRPr sz="100" smtClean="0">
                <a:noFill/>
              </a:defRPr>
            </a:lvl1pPr>
          </a:lstStyle>
          <a:p>
            <a:pPr>
              <a:defRPr/>
            </a:pPr>
            <a:fld id="{CF47AE67-BC80-44DA-8D03-504166528C07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20" name="Footer Placeholder 8" hidden="1">
            <a:extLst>
              <a:ext uri="{FF2B5EF4-FFF2-40B4-BE49-F238E27FC236}">
                <a16:creationId xmlns:a16="http://schemas.microsoft.com/office/drawing/2014/main" id="{8B242BB5-F3D5-C493-928B-46668FD7CDD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12192000"/>
            <a:ext cx="0" cy="0"/>
          </a:xfrm>
        </p:spPr>
        <p:txBody>
          <a:bodyPr/>
          <a:lstStyle>
            <a:lvl1pPr>
              <a:defRPr sz="100" dirty="0">
                <a:noFill/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21" name="Slide Number Placeholder 10" hidden="1">
            <a:extLst>
              <a:ext uri="{FF2B5EF4-FFF2-40B4-BE49-F238E27FC236}">
                <a16:creationId xmlns:a16="http://schemas.microsoft.com/office/drawing/2014/main" id="{4852B73A-8942-0C4C-B84A-464BD32768D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12192000"/>
            <a:ext cx="0" cy="0"/>
          </a:xfrm>
        </p:spPr>
        <p:txBody>
          <a:bodyPr/>
          <a:lstStyle>
            <a:lvl1pPr>
              <a:defRPr sz="100" smtClean="0">
                <a:noFill/>
              </a:defRPr>
            </a:lvl1pPr>
          </a:lstStyle>
          <a:p>
            <a:pPr>
              <a:defRPr/>
            </a:pPr>
            <a:fld id="{B6019D89-3DCC-4DCD-BBCE-D2128DB1F54C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67838837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 slide med billed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Baggrund">
            <a:extLst>
              <a:ext uri="{FF2B5EF4-FFF2-40B4-BE49-F238E27FC236}">
                <a16:creationId xmlns:a16="http://schemas.microsoft.com/office/drawing/2014/main" id="{261A662C-E467-394F-5801-9F5D00663929}"/>
              </a:ext>
            </a:extLst>
          </p:cNvPr>
          <p:cNvSpPr/>
          <p:nvPr userDrawn="1"/>
        </p:nvSpPr>
        <p:spPr bwMode="white">
          <a:xfrm>
            <a:off x="0" y="0"/>
            <a:ext cx="6858000" cy="12192000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20250" rIns="40500" bIns="2025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125" dirty="0"/>
          </a:p>
        </p:txBody>
      </p:sp>
      <p:sp>
        <p:nvSpPr>
          <p:cNvPr id="8" name="Picture Placeholder 7"/>
          <p:cNvSpPr>
            <a:spLocks noGrp="1"/>
          </p:cNvSpPr>
          <p:nvPr>
            <p:ph type="pic" sz="quarter" idx="13"/>
          </p:nvPr>
        </p:nvSpPr>
        <p:spPr>
          <a:xfrm>
            <a:off x="3864769" y="0"/>
            <a:ext cx="2993234" cy="12199164"/>
          </a:xfrm>
          <a:prstGeom prst="rect">
            <a:avLst/>
          </a:prstGeom>
          <a:solidFill>
            <a:schemeClr val="bg2"/>
          </a:solidFill>
        </p:spPr>
        <p:txBody>
          <a:bodyPr lIns="360000" tIns="108000" rIns="2052000"/>
          <a:lstStyle>
            <a:lvl1pPr marL="0" indent="0" algn="l">
              <a:buNone/>
              <a:defRPr sz="788"/>
            </a:lvl1pPr>
          </a:lstStyle>
          <a:p>
            <a:pPr lvl="0"/>
            <a:r>
              <a:rPr lang="da-DK" noProof="0"/>
              <a:t>Klik på ikonet for at tilføje et billede</a:t>
            </a:r>
            <a:endParaRPr lang="da-DK" noProof="0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303750" y="637822"/>
            <a:ext cx="3226156" cy="640000"/>
          </a:xfrm>
        </p:spPr>
        <p:txBody>
          <a:bodyPr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506">
                <a:solidFill>
                  <a:schemeClr val="accent1"/>
                </a:solidFill>
              </a:defRPr>
            </a:lvl1pPr>
            <a:lvl2pPr marL="0" indent="0" algn="l">
              <a:buFont typeface="Arial" panose="020B0604020202020204" pitchFamily="34" charset="0"/>
              <a:buChar char="​"/>
              <a:defRPr sz="1125"/>
            </a:lvl2pPr>
            <a:lvl3pPr marL="0" indent="0" algn="l">
              <a:buFont typeface="Arial" panose="020B0604020202020204" pitchFamily="34" charset="0"/>
              <a:buChar char="​"/>
              <a:defRPr sz="1125"/>
            </a:lvl3pPr>
            <a:lvl4pPr marL="0" indent="0" algn="l">
              <a:buFont typeface="Arial" panose="020B0604020202020204" pitchFamily="34" charset="0"/>
              <a:buChar char="​"/>
              <a:defRPr sz="1125"/>
            </a:lvl4pPr>
            <a:lvl5pPr marL="0" indent="0" algn="l">
              <a:buFont typeface="Arial" panose="020B0604020202020204" pitchFamily="34" charset="0"/>
              <a:buChar char="​"/>
              <a:defRPr sz="1125"/>
            </a:lvl5pPr>
            <a:lvl6pPr marL="0" indent="0" algn="l">
              <a:buFont typeface="Arial" panose="020B0604020202020204" pitchFamily="34" charset="0"/>
              <a:buChar char="​"/>
              <a:defRPr sz="1125"/>
            </a:lvl6pPr>
            <a:lvl7pPr marL="0" indent="0" algn="l">
              <a:buFont typeface="Arial" panose="020B0604020202020204" pitchFamily="34" charset="0"/>
              <a:buChar char="​"/>
              <a:defRPr sz="1125"/>
            </a:lvl7pPr>
            <a:lvl8pPr marL="0" indent="0" algn="l">
              <a:buFont typeface="Arial" panose="020B0604020202020204" pitchFamily="34" charset="0"/>
              <a:buChar char="​"/>
              <a:defRPr sz="1125"/>
            </a:lvl8pPr>
            <a:lvl9pPr marL="0" indent="0" algn="l">
              <a:buFont typeface="Arial" panose="020B0604020202020204" pitchFamily="34" charset="0"/>
              <a:buChar char="​"/>
              <a:defRPr sz="1125"/>
            </a:lvl9pPr>
          </a:lstStyle>
          <a:p>
            <a:r>
              <a:rPr lang="da-DK"/>
              <a:t>Klik for at redigere undertiteltypografien i masteren</a:t>
            </a:r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03610" y="3812821"/>
            <a:ext cx="3226297" cy="4441600"/>
          </a:xfrm>
        </p:spPr>
        <p:txBody>
          <a:bodyPr anchor="ctr"/>
          <a:lstStyle>
            <a:lvl1pPr algn="l">
              <a:defRPr sz="3038">
                <a:solidFill>
                  <a:schemeClr val="accent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12" name="Logo on top"/>
          <p:cNvSpPr>
            <a:spLocks noGrp="1"/>
          </p:cNvSpPr>
          <p:nvPr>
            <p:ph type="body" sz="quarter" idx="14"/>
          </p:nvPr>
        </p:nvSpPr>
        <p:spPr bwMode="white">
          <a:xfrm>
            <a:off x="6054750" y="640000"/>
            <a:ext cx="498480" cy="887812"/>
          </a:xfrm>
          <a:custGeom>
            <a:avLst/>
            <a:gdLst>
              <a:gd name="connsiteX0" fmla="*/ 4742089 w 6597829"/>
              <a:gd name="connsiteY0" fmla="*/ 1672366 h 3718082"/>
              <a:gd name="connsiteX1" fmla="*/ 4075695 w 6597829"/>
              <a:gd name="connsiteY1" fmla="*/ 2338800 h 3718082"/>
              <a:gd name="connsiteX2" fmla="*/ 4274361 w 6597829"/>
              <a:gd name="connsiteY2" fmla="*/ 2376649 h 3718082"/>
              <a:gd name="connsiteX3" fmla="*/ 4773045 w 6597829"/>
              <a:gd name="connsiteY3" fmla="*/ 1860672 h 3718082"/>
              <a:gd name="connsiteX4" fmla="*/ 4773004 w 6597829"/>
              <a:gd name="connsiteY4" fmla="*/ 1860795 h 3718082"/>
              <a:gd name="connsiteX5" fmla="*/ 4742089 w 6597829"/>
              <a:gd name="connsiteY5" fmla="*/ 1672366 h 3718082"/>
              <a:gd name="connsiteX6" fmla="*/ 4274524 w 6597829"/>
              <a:gd name="connsiteY6" fmla="*/ 1344655 h 3718082"/>
              <a:gd name="connsiteX7" fmla="*/ 3768784 w 6597829"/>
              <a:gd name="connsiteY7" fmla="*/ 1860672 h 3718082"/>
              <a:gd name="connsiteX8" fmla="*/ 3768743 w 6597829"/>
              <a:gd name="connsiteY8" fmla="*/ 1860795 h 3718082"/>
              <a:gd name="connsiteX9" fmla="*/ 3798802 w 6597829"/>
              <a:gd name="connsiteY9" fmla="*/ 2046491 h 3718082"/>
              <a:gd name="connsiteX10" fmla="*/ 4464789 w 6597829"/>
              <a:gd name="connsiteY10" fmla="*/ 1380587 h 3718082"/>
              <a:gd name="connsiteX11" fmla="*/ 4274524 w 6597829"/>
              <a:gd name="connsiteY11" fmla="*/ 1344655 h 3718082"/>
              <a:gd name="connsiteX12" fmla="*/ 2620346 w 6597829"/>
              <a:gd name="connsiteY12" fmla="*/ 995042 h 3718082"/>
              <a:gd name="connsiteX13" fmla="*/ 3077470 w 6597829"/>
              <a:gd name="connsiteY13" fmla="*/ 995042 h 3718082"/>
              <a:gd name="connsiteX14" fmla="*/ 3077470 w 6597829"/>
              <a:gd name="connsiteY14" fmla="*/ 3028808 h 3718082"/>
              <a:gd name="connsiteX15" fmla="*/ 2395251 w 6597829"/>
              <a:gd name="connsiteY15" fmla="*/ 3718082 h 3718082"/>
              <a:gd name="connsiteX16" fmla="*/ 2087035 w 6597829"/>
              <a:gd name="connsiteY16" fmla="*/ 3652254 h 3718082"/>
              <a:gd name="connsiteX17" fmla="*/ 2190956 w 6597829"/>
              <a:gd name="connsiteY17" fmla="*/ 3281841 h 3718082"/>
              <a:gd name="connsiteX18" fmla="*/ 2364050 w 6597829"/>
              <a:gd name="connsiteY18" fmla="*/ 3313001 h 3718082"/>
              <a:gd name="connsiteX19" fmla="*/ 2620346 w 6597829"/>
              <a:gd name="connsiteY19" fmla="*/ 3029053 h 3718082"/>
              <a:gd name="connsiteX20" fmla="*/ 4917793 w 6597829"/>
              <a:gd name="connsiteY20" fmla="*/ 927542 h 3718082"/>
              <a:gd name="connsiteX21" fmla="*/ 5202394 w 6597829"/>
              <a:gd name="connsiteY21" fmla="*/ 1212184 h 3718082"/>
              <a:gd name="connsiteX22" fmla="*/ 5065559 w 6597829"/>
              <a:gd name="connsiteY22" fmla="*/ 1349264 h 3718082"/>
              <a:gd name="connsiteX23" fmla="*/ 5216465 w 6597829"/>
              <a:gd name="connsiteY23" fmla="*/ 1860754 h 3718082"/>
              <a:gd name="connsiteX24" fmla="*/ 4274320 w 6597829"/>
              <a:gd name="connsiteY24" fmla="*/ 2775000 h 3718082"/>
              <a:gd name="connsiteX25" fmla="*/ 3770823 w 6597829"/>
              <a:gd name="connsiteY25" fmla="*/ 2643712 h 3718082"/>
              <a:gd name="connsiteX26" fmla="*/ 3623995 w 6597829"/>
              <a:gd name="connsiteY26" fmla="*/ 2790539 h 3718082"/>
              <a:gd name="connsiteX27" fmla="*/ 3339313 w 6597829"/>
              <a:gd name="connsiteY27" fmla="*/ 2505979 h 3718082"/>
              <a:gd name="connsiteX28" fmla="*/ 3475659 w 6597829"/>
              <a:gd name="connsiteY28" fmla="*/ 2369634 h 3718082"/>
              <a:gd name="connsiteX29" fmla="*/ 3325446 w 6597829"/>
              <a:gd name="connsiteY29" fmla="*/ 1860836 h 3718082"/>
              <a:gd name="connsiteX30" fmla="*/ 4274279 w 6597829"/>
              <a:gd name="connsiteY30" fmla="*/ 943163 h 3718082"/>
              <a:gd name="connsiteX31" fmla="*/ 4770965 w 6597829"/>
              <a:gd name="connsiteY31" fmla="*/ 1074370 h 3718082"/>
              <a:gd name="connsiteX32" fmla="*/ 470950 w 6597829"/>
              <a:gd name="connsiteY32" fmla="*/ 517119 h 3718082"/>
              <a:gd name="connsiteX33" fmla="*/ 470950 w 6597829"/>
              <a:gd name="connsiteY33" fmla="*/ 2297117 h 3718082"/>
              <a:gd name="connsiteX34" fmla="*/ 1005566 w 6597829"/>
              <a:gd name="connsiteY34" fmla="*/ 2297117 h 3718082"/>
              <a:gd name="connsiteX35" fmla="*/ 1902521 w 6597829"/>
              <a:gd name="connsiteY35" fmla="*/ 1407138 h 3718082"/>
              <a:gd name="connsiteX36" fmla="*/ 1005566 w 6597829"/>
              <a:gd name="connsiteY36" fmla="*/ 517119 h 3718082"/>
              <a:gd name="connsiteX37" fmla="*/ 0 w 6597829"/>
              <a:gd name="connsiteY37" fmla="*/ 91196 h 3718082"/>
              <a:gd name="connsiteX38" fmla="*/ 974324 w 6597829"/>
              <a:gd name="connsiteY38" fmla="*/ 91196 h 3718082"/>
              <a:gd name="connsiteX39" fmla="*/ 2376856 w 6597829"/>
              <a:gd name="connsiteY39" fmla="*/ 1407138 h 3718082"/>
              <a:gd name="connsiteX40" fmla="*/ 974324 w 6597829"/>
              <a:gd name="connsiteY40" fmla="*/ 2723080 h 3718082"/>
              <a:gd name="connsiteX41" fmla="*/ 0 w 6597829"/>
              <a:gd name="connsiteY41" fmla="*/ 2723080 h 3718082"/>
              <a:gd name="connsiteX42" fmla="*/ 6196092 w 6597829"/>
              <a:gd name="connsiteY42" fmla="*/ 0 h 3718082"/>
              <a:gd name="connsiteX43" fmla="*/ 6504307 w 6597829"/>
              <a:gd name="connsiteY43" fmla="*/ 65828 h 3718082"/>
              <a:gd name="connsiteX44" fmla="*/ 6400386 w 6597829"/>
              <a:gd name="connsiteY44" fmla="*/ 436364 h 3718082"/>
              <a:gd name="connsiteX45" fmla="*/ 6227293 w 6597829"/>
              <a:gd name="connsiteY45" fmla="*/ 405163 h 3718082"/>
              <a:gd name="connsiteX46" fmla="*/ 5970996 w 6597829"/>
              <a:gd name="connsiteY46" fmla="*/ 689152 h 3718082"/>
              <a:gd name="connsiteX47" fmla="*/ 5970996 w 6597829"/>
              <a:gd name="connsiteY47" fmla="*/ 995043 h 3718082"/>
              <a:gd name="connsiteX48" fmla="*/ 6597829 w 6597829"/>
              <a:gd name="connsiteY48" fmla="*/ 995165 h 3718082"/>
              <a:gd name="connsiteX49" fmla="*/ 6597829 w 6597829"/>
              <a:gd name="connsiteY49" fmla="*/ 1369167 h 3718082"/>
              <a:gd name="connsiteX50" fmla="*/ 5970996 w 6597829"/>
              <a:gd name="connsiteY50" fmla="*/ 1369167 h 3718082"/>
              <a:gd name="connsiteX51" fmla="*/ 5970996 w 6597829"/>
              <a:gd name="connsiteY51" fmla="*/ 2723243 h 3718082"/>
              <a:gd name="connsiteX52" fmla="*/ 5513872 w 6597829"/>
              <a:gd name="connsiteY52" fmla="*/ 2723243 h 3718082"/>
              <a:gd name="connsiteX53" fmla="*/ 5513872 w 6597829"/>
              <a:gd name="connsiteY53" fmla="*/ 1369167 h 3718082"/>
              <a:gd name="connsiteX54" fmla="*/ 5255823 w 6597829"/>
              <a:gd name="connsiteY54" fmla="*/ 1369167 h 3718082"/>
              <a:gd name="connsiteX55" fmla="*/ 5255823 w 6597829"/>
              <a:gd name="connsiteY55" fmla="*/ 995165 h 3718082"/>
              <a:gd name="connsiteX56" fmla="*/ 5513872 w 6597829"/>
              <a:gd name="connsiteY56" fmla="*/ 995165 h 3718082"/>
              <a:gd name="connsiteX57" fmla="*/ 5513872 w 6597829"/>
              <a:gd name="connsiteY57" fmla="*/ 689274 h 3718082"/>
              <a:gd name="connsiteX58" fmla="*/ 6196092 w 6597829"/>
              <a:gd name="connsiteY58" fmla="*/ 0 h 371808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6597829" h="3718082">
                <a:moveTo>
                  <a:pt x="4742089" y="1672366"/>
                </a:moveTo>
                <a:lnTo>
                  <a:pt x="4075695" y="2338800"/>
                </a:lnTo>
                <a:cubicBezTo>
                  <a:pt x="4138912" y="2363973"/>
                  <a:pt x="4206331" y="2376820"/>
                  <a:pt x="4274361" y="2376649"/>
                </a:cubicBezTo>
                <a:cubicBezTo>
                  <a:pt x="4537550" y="2376649"/>
                  <a:pt x="4773045" y="2182877"/>
                  <a:pt x="4773045" y="1860672"/>
                </a:cubicBezTo>
                <a:lnTo>
                  <a:pt x="4773004" y="1860795"/>
                </a:lnTo>
                <a:cubicBezTo>
                  <a:pt x="4773331" y="1796696"/>
                  <a:pt x="4762890" y="1733002"/>
                  <a:pt x="4742089" y="1672366"/>
                </a:cubicBezTo>
                <a:close/>
                <a:moveTo>
                  <a:pt x="4274524" y="1344655"/>
                </a:moveTo>
                <a:cubicBezTo>
                  <a:pt x="4004239" y="1344655"/>
                  <a:pt x="3768784" y="1538467"/>
                  <a:pt x="3768784" y="1860672"/>
                </a:cubicBezTo>
                <a:lnTo>
                  <a:pt x="3768743" y="1860795"/>
                </a:lnTo>
                <a:cubicBezTo>
                  <a:pt x="3768458" y="1923926"/>
                  <a:pt x="3778613" y="1986671"/>
                  <a:pt x="3798802" y="2046491"/>
                </a:cubicBezTo>
                <a:lnTo>
                  <a:pt x="4464789" y="1380587"/>
                </a:lnTo>
                <a:cubicBezTo>
                  <a:pt x="4404181" y="1356732"/>
                  <a:pt x="4339658" y="1344541"/>
                  <a:pt x="4274524" y="1344655"/>
                </a:cubicBezTo>
                <a:close/>
                <a:moveTo>
                  <a:pt x="2620346" y="995042"/>
                </a:moveTo>
                <a:lnTo>
                  <a:pt x="3077470" y="995042"/>
                </a:lnTo>
                <a:lnTo>
                  <a:pt x="3077470" y="3028808"/>
                </a:lnTo>
                <a:cubicBezTo>
                  <a:pt x="3077470" y="3441026"/>
                  <a:pt x="2803880" y="3718082"/>
                  <a:pt x="2395251" y="3718082"/>
                </a:cubicBezTo>
                <a:cubicBezTo>
                  <a:pt x="2284436" y="3718082"/>
                  <a:pt x="2184023" y="3697118"/>
                  <a:pt x="2087035" y="3652254"/>
                </a:cubicBezTo>
                <a:lnTo>
                  <a:pt x="2190956" y="3281841"/>
                </a:lnTo>
                <a:cubicBezTo>
                  <a:pt x="2253235" y="3302641"/>
                  <a:pt x="2315556" y="3313001"/>
                  <a:pt x="2364050" y="3313001"/>
                </a:cubicBezTo>
                <a:cubicBezTo>
                  <a:pt x="2516465" y="3313001"/>
                  <a:pt x="2620346" y="3198720"/>
                  <a:pt x="2620346" y="3029053"/>
                </a:cubicBezTo>
                <a:close/>
                <a:moveTo>
                  <a:pt x="4917793" y="927542"/>
                </a:moveTo>
                <a:lnTo>
                  <a:pt x="5202394" y="1212184"/>
                </a:lnTo>
                <a:lnTo>
                  <a:pt x="5065559" y="1349264"/>
                </a:lnTo>
                <a:cubicBezTo>
                  <a:pt x="5160589" y="1491483"/>
                  <a:pt x="5216465" y="1664984"/>
                  <a:pt x="5216465" y="1860754"/>
                </a:cubicBezTo>
                <a:cubicBezTo>
                  <a:pt x="5216465" y="2404464"/>
                  <a:pt x="4786831" y="2775000"/>
                  <a:pt x="4274320" y="2775000"/>
                </a:cubicBezTo>
                <a:cubicBezTo>
                  <a:pt x="4090051" y="2775000"/>
                  <a:pt x="3917243" y="2728178"/>
                  <a:pt x="3770823" y="2643712"/>
                </a:cubicBezTo>
                <a:lnTo>
                  <a:pt x="3623995" y="2790539"/>
                </a:lnTo>
                <a:lnTo>
                  <a:pt x="3339313" y="2505979"/>
                </a:lnTo>
                <a:lnTo>
                  <a:pt x="3475659" y="2369634"/>
                </a:lnTo>
                <a:cubicBezTo>
                  <a:pt x="3380873" y="2228312"/>
                  <a:pt x="3325446" y="2055790"/>
                  <a:pt x="3325446" y="1860836"/>
                </a:cubicBezTo>
                <a:cubicBezTo>
                  <a:pt x="3325446" y="1317206"/>
                  <a:pt x="3754835" y="943163"/>
                  <a:pt x="4274279" y="943163"/>
                </a:cubicBezTo>
                <a:cubicBezTo>
                  <a:pt x="4455326" y="943163"/>
                  <a:pt x="4625891" y="990026"/>
                  <a:pt x="4770965" y="1074370"/>
                </a:cubicBezTo>
                <a:close/>
                <a:moveTo>
                  <a:pt x="470950" y="517119"/>
                </a:moveTo>
                <a:lnTo>
                  <a:pt x="470950" y="2297117"/>
                </a:lnTo>
                <a:lnTo>
                  <a:pt x="1005566" y="2297117"/>
                </a:lnTo>
                <a:cubicBezTo>
                  <a:pt x="1542262" y="2297117"/>
                  <a:pt x="1902521" y="1940449"/>
                  <a:pt x="1902521" y="1407138"/>
                </a:cubicBezTo>
                <a:cubicBezTo>
                  <a:pt x="1902521" y="873828"/>
                  <a:pt x="1542344" y="517119"/>
                  <a:pt x="1005566" y="517119"/>
                </a:cubicBezTo>
                <a:close/>
                <a:moveTo>
                  <a:pt x="0" y="91196"/>
                </a:moveTo>
                <a:lnTo>
                  <a:pt x="974324" y="91196"/>
                </a:lnTo>
                <a:cubicBezTo>
                  <a:pt x="1815852" y="91196"/>
                  <a:pt x="2376856" y="617573"/>
                  <a:pt x="2376856" y="1407138"/>
                </a:cubicBezTo>
                <a:cubicBezTo>
                  <a:pt x="2376856" y="2196704"/>
                  <a:pt x="1815852" y="2723080"/>
                  <a:pt x="974324" y="2723080"/>
                </a:cubicBezTo>
                <a:lnTo>
                  <a:pt x="0" y="2723080"/>
                </a:lnTo>
                <a:close/>
                <a:moveTo>
                  <a:pt x="6196092" y="0"/>
                </a:moveTo>
                <a:cubicBezTo>
                  <a:pt x="6306906" y="0"/>
                  <a:pt x="6407320" y="20964"/>
                  <a:pt x="6504307" y="65828"/>
                </a:cubicBezTo>
                <a:lnTo>
                  <a:pt x="6400386" y="436364"/>
                </a:lnTo>
                <a:cubicBezTo>
                  <a:pt x="6338106" y="415563"/>
                  <a:pt x="6275787" y="405163"/>
                  <a:pt x="6227293" y="405163"/>
                </a:cubicBezTo>
                <a:cubicBezTo>
                  <a:pt x="6074877" y="405163"/>
                  <a:pt x="5970996" y="519485"/>
                  <a:pt x="5970996" y="689152"/>
                </a:cubicBezTo>
                <a:lnTo>
                  <a:pt x="5970996" y="995043"/>
                </a:lnTo>
                <a:lnTo>
                  <a:pt x="6597829" y="995165"/>
                </a:lnTo>
                <a:lnTo>
                  <a:pt x="6597829" y="1369167"/>
                </a:lnTo>
                <a:lnTo>
                  <a:pt x="5970996" y="1369167"/>
                </a:lnTo>
                <a:lnTo>
                  <a:pt x="5970996" y="2723243"/>
                </a:lnTo>
                <a:lnTo>
                  <a:pt x="5513872" y="2723243"/>
                </a:lnTo>
                <a:lnTo>
                  <a:pt x="5513872" y="1369167"/>
                </a:lnTo>
                <a:lnTo>
                  <a:pt x="5255823" y="1369167"/>
                </a:lnTo>
                <a:lnTo>
                  <a:pt x="5255823" y="995165"/>
                </a:lnTo>
                <a:lnTo>
                  <a:pt x="5513872" y="995165"/>
                </a:lnTo>
                <a:lnTo>
                  <a:pt x="5513872" y="689274"/>
                </a:lnTo>
                <a:cubicBezTo>
                  <a:pt x="5513872" y="277056"/>
                  <a:pt x="5787461" y="0"/>
                  <a:pt x="6196092" y="0"/>
                </a:cubicBezTo>
                <a:close/>
              </a:path>
            </a:pathLst>
          </a:custGeom>
          <a:solidFill>
            <a:srgbClr val="FFFFFF"/>
          </a:solidFill>
        </p:spPr>
        <p:txBody>
          <a:bodyPr wrap="square"/>
          <a:lstStyle>
            <a:lvl1pPr marL="0" indent="0">
              <a:buNone/>
              <a:defRPr sz="100">
                <a:noFill/>
              </a:defRPr>
            </a:lvl1pPr>
            <a:lvl2pPr>
              <a:defRPr sz="100"/>
            </a:lvl2pPr>
            <a:lvl3pPr>
              <a:defRPr sz="100"/>
            </a:lvl3pPr>
            <a:lvl4pPr>
              <a:defRPr sz="100"/>
            </a:lvl4pPr>
            <a:lvl5pPr>
              <a:defRPr sz="100"/>
            </a:lvl5pPr>
          </a:lstStyle>
          <a:p>
            <a:pPr lvl="0"/>
            <a:r>
              <a:rPr lang="da-DK" noProof="0"/>
              <a:t>Klik for at redigere teksttypografierne i masteren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CD75EBE-EE94-2EE5-A060-69DE8CA00D62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303213" y="11231563"/>
            <a:ext cx="873125" cy="319087"/>
          </a:xfrm>
        </p:spPr>
        <p:txBody>
          <a:bodyPr anchor="b"/>
          <a:lstStyle>
            <a:lvl1pPr>
              <a:defRPr smtClean="0">
                <a:solidFill>
                  <a:schemeClr val="accent1"/>
                </a:solidFill>
              </a:defRPr>
            </a:lvl1pPr>
          </a:lstStyle>
          <a:p>
            <a:pPr>
              <a:defRPr/>
            </a:pPr>
            <a:fld id="{9926C282-416B-457B-953D-4D5244BD25B7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8511790-B6DF-3B88-EF6C-8F42309D278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1379538" y="11231563"/>
            <a:ext cx="2151062" cy="319087"/>
          </a:xfrm>
        </p:spPr>
        <p:txBody>
          <a:bodyPr anchor="b"/>
          <a:lstStyle>
            <a:lvl1pPr>
              <a:defRPr dirty="0">
                <a:solidFill>
                  <a:schemeClr val="accent1"/>
                </a:solidFill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7" name="Slide Number Placeholder 14" hidden="1">
            <a:extLst>
              <a:ext uri="{FF2B5EF4-FFF2-40B4-BE49-F238E27FC236}">
                <a16:creationId xmlns:a16="http://schemas.microsoft.com/office/drawing/2014/main" id="{802FDD8C-0BA5-3784-C61B-0EAD7D11CC19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12192000"/>
            <a:ext cx="0" cy="0"/>
          </a:xfrm>
        </p:spPr>
        <p:txBody>
          <a:bodyPr/>
          <a:lstStyle>
            <a:lvl1pPr>
              <a:defRPr smtClean="0">
                <a:noFill/>
              </a:defRPr>
            </a:lvl1pPr>
          </a:lstStyle>
          <a:p>
            <a:pPr>
              <a:defRPr/>
            </a:pPr>
            <a:fld id="{0EA16030-CF16-4E74-9904-D7C6330BB457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644545123"/>
      </p:ext>
    </p:extLst>
  </p:cSld>
  <p:clrMapOvr>
    <a:masterClrMapping/>
  </p:clrMapOvr>
</p:sldLayout>
</file>

<file path=ppt/slideLayouts/slideLayout7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&gt;Brug ikke layouts efter dette &gt;&gt;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3D7EB61-38BC-B1C7-C5BD-6ECC1249557F}"/>
              </a:ext>
            </a:extLst>
          </p:cNvPr>
          <p:cNvSpPr/>
          <p:nvPr userDrawn="1"/>
        </p:nvSpPr>
        <p:spPr bwMode="ltGray">
          <a:xfrm>
            <a:off x="0" y="0"/>
            <a:ext cx="6858000" cy="12192000"/>
          </a:xfrm>
          <a:prstGeom prst="rect">
            <a:avLst/>
          </a:prstGeom>
          <a:solidFill>
            <a:schemeClr val="tx1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40500" rIns="40500" bIns="40500" anchor="ctr"/>
          <a:lstStyle/>
          <a:p>
            <a:pPr algn="ctr" eaLnBrk="1" fontAlgn="auto" hangingPunct="1">
              <a:spcBef>
                <a:spcPts val="338"/>
              </a:spcBef>
              <a:spcAft>
                <a:spcPts val="0"/>
              </a:spcAft>
              <a:buClr>
                <a:srgbClr val="003755"/>
              </a:buClr>
              <a:defRPr/>
            </a:pPr>
            <a:endParaRPr lang="da-DK" sz="788" dirty="0">
              <a:solidFill>
                <a:schemeClr val="tx1"/>
              </a:solidFill>
            </a:endParaRPr>
          </a:p>
        </p:txBody>
      </p:sp>
      <p:sp>
        <p:nvSpPr>
          <p:cNvPr id="3" name="Do not use">
            <a:extLst>
              <a:ext uri="{FF2B5EF4-FFF2-40B4-BE49-F238E27FC236}">
                <a16:creationId xmlns:a16="http://schemas.microsoft.com/office/drawing/2014/main" id="{EE34C8F2-8404-137F-F0C5-A1241ED7FE45}"/>
              </a:ext>
            </a:extLst>
          </p:cNvPr>
          <p:cNvSpPr txBox="1"/>
          <p:nvPr userDrawn="1"/>
        </p:nvSpPr>
        <p:spPr bwMode="white">
          <a:xfrm>
            <a:off x="241300" y="1168400"/>
            <a:ext cx="6389688" cy="1627188"/>
          </a:xfrm>
          <a:prstGeom prst="rect">
            <a:avLst/>
          </a:prstGeom>
          <a:noFill/>
        </p:spPr>
        <p:txBody>
          <a:bodyPr lIns="0" tIns="0" rIns="0" bIns="0">
            <a:spAutoFit/>
          </a:bodyPr>
          <a:lstStyle/>
          <a:p>
            <a:pPr algn="ctr" eaLnBrk="1" fontAlgn="auto" hangingPunct="1">
              <a:spcBef>
                <a:spcPts val="338"/>
              </a:spcBef>
              <a:spcAft>
                <a:spcPts val="0"/>
              </a:spcAft>
              <a:buClr>
                <a:srgbClr val="003755"/>
              </a:buClr>
              <a:defRPr/>
            </a:pPr>
            <a:r>
              <a:rPr lang="da-DK" sz="2475" dirty="0">
                <a:solidFill>
                  <a:schemeClr val="bg1"/>
                </a:solidFill>
                <a:latin typeface="+mn-lt"/>
              </a:rPr>
              <a:t>Hvis du ser andre </a:t>
            </a:r>
            <a:r>
              <a:rPr lang="da-DK" sz="2475" b="1" i="1" dirty="0">
                <a:solidFill>
                  <a:schemeClr val="bg1"/>
                </a:solidFill>
                <a:latin typeface="+mn-lt"/>
              </a:rPr>
              <a:t>layouts efter dette,</a:t>
            </a:r>
            <a:br>
              <a:rPr lang="da-DK" sz="2475" dirty="0">
                <a:solidFill>
                  <a:schemeClr val="bg1"/>
                </a:solidFill>
                <a:latin typeface="+mn-lt"/>
              </a:rPr>
            </a:br>
            <a:r>
              <a:rPr lang="da-DK" sz="2475" dirty="0">
                <a:solidFill>
                  <a:schemeClr val="bg1"/>
                </a:solidFill>
                <a:latin typeface="+mn-lt"/>
              </a:rPr>
              <a:t>brug dem ikke. Disse layouts </a:t>
            </a:r>
            <a:r>
              <a:rPr lang="da-DK" sz="2475" b="1" i="1" dirty="0">
                <a:solidFill>
                  <a:schemeClr val="bg1"/>
                </a:solidFill>
                <a:latin typeface="+mn-lt"/>
              </a:rPr>
              <a:t>tilhører ikke </a:t>
            </a:r>
            <a:r>
              <a:rPr lang="da-DK" sz="2475" dirty="0">
                <a:solidFill>
                  <a:schemeClr val="bg1"/>
                </a:solidFill>
                <a:latin typeface="+mn-lt"/>
              </a:rPr>
              <a:t>vores </a:t>
            </a:r>
            <a:r>
              <a:rPr lang="da-DK" sz="2475" noProof="1">
                <a:solidFill>
                  <a:schemeClr val="bg1"/>
                </a:solidFill>
                <a:latin typeface="+mn-lt"/>
              </a:rPr>
              <a:t>corporate </a:t>
            </a:r>
            <a:r>
              <a:rPr lang="da-DK" sz="2475" dirty="0">
                <a:solidFill>
                  <a:schemeClr val="bg1"/>
                </a:solidFill>
                <a:latin typeface="+mn-lt"/>
              </a:rPr>
              <a:t>skabelon.</a:t>
            </a:r>
            <a:br>
              <a:rPr lang="da-DK" sz="1575" dirty="0">
                <a:solidFill>
                  <a:schemeClr val="bg1"/>
                </a:solidFill>
                <a:latin typeface="+mn-lt"/>
              </a:rPr>
            </a:br>
            <a:br>
              <a:rPr lang="da-DK" sz="1575" dirty="0">
                <a:solidFill>
                  <a:schemeClr val="bg1"/>
                </a:solidFill>
                <a:latin typeface="+mn-lt"/>
              </a:rPr>
            </a:br>
            <a:endParaRPr lang="da-DK" sz="1575" dirty="0">
              <a:solidFill>
                <a:schemeClr val="bg1"/>
              </a:solidFill>
              <a:latin typeface="+mn-lt"/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8AE5E65C-170E-D05D-7C6F-FAD33AAE1044}"/>
              </a:ext>
            </a:extLst>
          </p:cNvPr>
          <p:cNvGrpSpPr/>
          <p:nvPr userDrawn="1"/>
        </p:nvGrpSpPr>
        <p:grpSpPr bwMode="white">
          <a:xfrm rot="8100000">
            <a:off x="5852742" y="5911513"/>
            <a:ext cx="583193" cy="1843179"/>
            <a:chOff x="6096000" y="4963130"/>
            <a:chExt cx="1456719" cy="1456719"/>
          </a:xfrm>
          <a:solidFill>
            <a:schemeClr val="bg1"/>
          </a:solidFill>
        </p:grpSpPr>
        <p:sp>
          <p:nvSpPr>
            <p:cNvPr id="5" name="Rectangle 2">
              <a:extLst>
                <a:ext uri="{FF2B5EF4-FFF2-40B4-BE49-F238E27FC236}">
                  <a16:creationId xmlns:a16="http://schemas.microsoft.com/office/drawing/2014/main" id="{9DF7FF5A-D447-ED16-DF2A-479E49594795}"/>
                </a:ext>
              </a:extLst>
            </p:cNvPr>
            <p:cNvSpPr/>
            <p:nvPr/>
          </p:nvSpPr>
          <p:spPr bwMode="white">
            <a:xfrm rot="5400000">
              <a:off x="5534135" y="5524995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anchor="ctr"/>
            <a:lstStyle/>
            <a:p>
              <a:pPr algn="ctr" eaLnBrk="1" fontAlgn="auto" hangingPunct="1">
                <a:spcBef>
                  <a:spcPts val="338"/>
                </a:spcBef>
                <a:spcAft>
                  <a:spcPts val="0"/>
                </a:spcAft>
                <a:buClr>
                  <a:srgbClr val="003755"/>
                </a:buClr>
                <a:defRPr/>
              </a:pPr>
              <a:endParaRPr lang="da-DK" sz="788" dirty="0">
                <a:solidFill>
                  <a:schemeClr val="tx1"/>
                </a:solidFill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283A891B-F97E-7BBB-EF96-1944A20E8287}"/>
                </a:ext>
              </a:extLst>
            </p:cNvPr>
            <p:cNvSpPr/>
            <p:nvPr/>
          </p:nvSpPr>
          <p:spPr bwMode="white">
            <a:xfrm rot="10800000">
              <a:off x="6096000" y="4963130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anchor="ctr"/>
            <a:lstStyle/>
            <a:p>
              <a:pPr algn="ctr" eaLnBrk="1" fontAlgn="auto" hangingPunct="1">
                <a:spcBef>
                  <a:spcPts val="338"/>
                </a:spcBef>
                <a:spcAft>
                  <a:spcPts val="0"/>
                </a:spcAft>
                <a:buClr>
                  <a:srgbClr val="003755"/>
                </a:buClr>
                <a:defRPr/>
              </a:pPr>
              <a:endParaRPr lang="da-DK" sz="788" dirty="0">
                <a:solidFill>
                  <a:schemeClr val="tx1"/>
                </a:solidFill>
              </a:endParaRPr>
            </a:p>
          </p:txBody>
        </p:sp>
      </p:grpSp>
      <p:sp>
        <p:nvSpPr>
          <p:cNvPr id="7" name="Rectangle 11">
            <a:extLst>
              <a:ext uri="{FF2B5EF4-FFF2-40B4-BE49-F238E27FC236}">
                <a16:creationId xmlns:a16="http://schemas.microsoft.com/office/drawing/2014/main" id="{B2757A05-E346-7DED-6CC6-7E2884DB8AF6}"/>
              </a:ext>
            </a:extLst>
          </p:cNvPr>
          <p:cNvSpPr/>
          <p:nvPr userDrawn="1"/>
        </p:nvSpPr>
        <p:spPr bwMode="white">
          <a:xfrm>
            <a:off x="265113" y="5310188"/>
            <a:ext cx="5711825" cy="957262"/>
          </a:xfrm>
          <a:prstGeom prst="rect">
            <a:avLst/>
          </a:prstGeom>
        </p:spPr>
        <p:txBody>
          <a:bodyPr>
            <a:spAutoFit/>
          </a:bodyPr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r>
              <a:rPr lang="da-DK" sz="5625" b="1" i="1" dirty="0">
                <a:solidFill>
                  <a:schemeClr val="bg1"/>
                </a:solidFill>
                <a:latin typeface="+mn-lt"/>
              </a:rPr>
              <a:t>Brug dem ikke</a:t>
            </a:r>
            <a:endParaRPr lang="da-DK" sz="5625" b="1" i="1" dirty="0">
              <a:latin typeface="+mn-lt"/>
            </a:endParaRPr>
          </a:p>
        </p:txBody>
      </p:sp>
      <p:sp>
        <p:nvSpPr>
          <p:cNvPr id="8" name="Do not use">
            <a:extLst>
              <a:ext uri="{FF2B5EF4-FFF2-40B4-BE49-F238E27FC236}">
                <a16:creationId xmlns:a16="http://schemas.microsoft.com/office/drawing/2014/main" id="{B4D99034-1579-1634-BB58-5681AE11A174}"/>
              </a:ext>
            </a:extLst>
          </p:cNvPr>
          <p:cNvSpPr txBox="1"/>
          <p:nvPr userDrawn="1"/>
        </p:nvSpPr>
        <p:spPr bwMode="white">
          <a:xfrm>
            <a:off x="241300" y="9220200"/>
            <a:ext cx="6389688" cy="541338"/>
          </a:xfrm>
          <a:prstGeom prst="rect">
            <a:avLst/>
          </a:prstGeom>
          <a:noFill/>
        </p:spPr>
        <p:txBody>
          <a:bodyPr lIns="0" tIns="0" rIns="0" bIns="0">
            <a:spAutoFit/>
          </a:bodyPr>
          <a:lstStyle/>
          <a:p>
            <a:pPr algn="ctr" eaLnBrk="1" fontAlgn="auto" hangingPunct="1">
              <a:spcBef>
                <a:spcPts val="338"/>
              </a:spcBef>
              <a:spcAft>
                <a:spcPts val="0"/>
              </a:spcAft>
              <a:buClr>
                <a:srgbClr val="003755"/>
              </a:buClr>
              <a:defRPr/>
            </a:pPr>
            <a:r>
              <a:rPr lang="da-DK" sz="1125" dirty="0">
                <a:solidFill>
                  <a:schemeClr val="bg1"/>
                </a:solidFill>
                <a:latin typeface="+mn-lt"/>
              </a:rPr>
              <a:t>Pga. PowerPoints standard Kopier/Indsæt funktionalitet kan ekstra uønskede layouts forekomme.</a:t>
            </a:r>
          </a:p>
          <a:p>
            <a:pPr algn="ctr" eaLnBrk="1" fontAlgn="auto" hangingPunct="1">
              <a:spcBef>
                <a:spcPts val="338"/>
              </a:spcBef>
              <a:spcAft>
                <a:spcPts val="0"/>
              </a:spcAft>
              <a:buClr>
                <a:srgbClr val="003755"/>
              </a:buClr>
              <a:defRPr/>
            </a:pPr>
            <a:r>
              <a:rPr lang="da-DK" sz="1125" dirty="0">
                <a:solidFill>
                  <a:schemeClr val="bg1"/>
                </a:solidFill>
                <a:latin typeface="+mn-lt"/>
              </a:rPr>
              <a:t>OBS! Layouts efter dette kan indeholde potential fortrolig information.</a:t>
            </a:r>
            <a:br>
              <a:rPr lang="da-DK" sz="1013" dirty="0">
                <a:solidFill>
                  <a:schemeClr val="bg1"/>
                </a:solidFill>
                <a:latin typeface="+mn-lt"/>
              </a:rPr>
            </a:br>
            <a:endParaRPr lang="da-DK" sz="1013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9" name="Date Placeholder 6" hidden="1">
            <a:extLst>
              <a:ext uri="{FF2B5EF4-FFF2-40B4-BE49-F238E27FC236}">
                <a16:creationId xmlns:a16="http://schemas.microsoft.com/office/drawing/2014/main" id="{77C139D7-540B-EEA7-44D8-E4FDBFBBF5DF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12192000"/>
            <a:ext cx="0" cy="0"/>
          </a:xfrm>
        </p:spPr>
        <p:txBody>
          <a:bodyPr/>
          <a:lstStyle>
            <a:lvl1pPr>
              <a:defRPr sz="100" smtClean="0">
                <a:noFill/>
              </a:defRPr>
            </a:lvl1pPr>
          </a:lstStyle>
          <a:p>
            <a:pPr>
              <a:defRPr/>
            </a:pPr>
            <a:fld id="{B5F080A6-4312-4495-AE58-B90404EDE248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10" name="Footer Placeholder 8" hidden="1">
            <a:extLst>
              <a:ext uri="{FF2B5EF4-FFF2-40B4-BE49-F238E27FC236}">
                <a16:creationId xmlns:a16="http://schemas.microsoft.com/office/drawing/2014/main" id="{A29FE17C-52EC-EC56-D2CE-1982A99E340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12192000"/>
            <a:ext cx="0" cy="0"/>
          </a:xfrm>
        </p:spPr>
        <p:txBody>
          <a:bodyPr/>
          <a:lstStyle>
            <a:lvl1pPr>
              <a:defRPr sz="100" dirty="0">
                <a:noFill/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11" name="Slide Number Placeholder 10" hidden="1">
            <a:extLst>
              <a:ext uri="{FF2B5EF4-FFF2-40B4-BE49-F238E27FC236}">
                <a16:creationId xmlns:a16="http://schemas.microsoft.com/office/drawing/2014/main" id="{F2F522E4-FC39-7C95-3992-0958E1F7EC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12192000"/>
            <a:ext cx="0" cy="0"/>
          </a:xfrm>
        </p:spPr>
        <p:txBody>
          <a:bodyPr/>
          <a:lstStyle>
            <a:lvl1pPr>
              <a:defRPr sz="100" smtClean="0">
                <a:noFill/>
              </a:defRPr>
            </a:lvl1pPr>
          </a:lstStyle>
          <a:p>
            <a:pPr>
              <a:defRPr/>
            </a:pPr>
            <a:fld id="{DC0C180E-0C88-4BC3-8333-D13011D3A07E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635234973"/>
      </p:ext>
    </p:extLst>
  </p:cSld>
  <p:clrMapOvr>
    <a:masterClrMapping/>
  </p:clrMapOvr>
</p:sldLayout>
</file>

<file path=ppt/slideLayouts/slideLayout7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1_Titel slid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Baggrund">
            <a:extLst>
              <a:ext uri="{FF2B5EF4-FFF2-40B4-BE49-F238E27FC236}">
                <a16:creationId xmlns:a16="http://schemas.microsoft.com/office/drawing/2014/main" id="{8DC2BE73-19AA-B04E-A6F4-5F2FD2F1A06A}"/>
              </a:ext>
            </a:extLst>
          </p:cNvPr>
          <p:cNvSpPr/>
          <p:nvPr/>
        </p:nvSpPr>
        <p:spPr bwMode="ltGray">
          <a:xfrm>
            <a:off x="0" y="0"/>
            <a:ext cx="6858000" cy="12192000"/>
          </a:xfrm>
          <a:custGeom>
            <a:avLst/>
            <a:gdLst>
              <a:gd name="connsiteX0" fmla="*/ -1 w 57499186"/>
              <a:gd name="connsiteY0" fmla="*/ 0 h 32343280"/>
              <a:gd name="connsiteX1" fmla="*/ 57499184 w 57499186"/>
              <a:gd name="connsiteY1" fmla="*/ 0 h 32343280"/>
              <a:gd name="connsiteX2" fmla="*/ 57499184 w 57499186"/>
              <a:gd name="connsiteY2" fmla="*/ 32343280 h 32343280"/>
              <a:gd name="connsiteX3" fmla="*/ -1 w 57499186"/>
              <a:gd name="connsiteY3" fmla="*/ 32343280 h 3234328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57499186" h="32343280">
                <a:moveTo>
                  <a:pt x="-1" y="0"/>
                </a:moveTo>
                <a:lnTo>
                  <a:pt x="57499184" y="0"/>
                </a:lnTo>
                <a:lnTo>
                  <a:pt x="57499184" y="32343280"/>
                </a:lnTo>
                <a:lnTo>
                  <a:pt x="-1" y="32343280"/>
                </a:lnTo>
                <a:close/>
              </a:path>
            </a:pathLst>
          </a:custGeom>
          <a:solidFill>
            <a:schemeClr val="accent1"/>
          </a:solidFill>
          <a:ln w="9525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sp>
        <p:nvSpPr>
          <p:cNvPr id="5" name="Logo">
            <a:extLst>
              <a:ext uri="{FF2B5EF4-FFF2-40B4-BE49-F238E27FC236}">
                <a16:creationId xmlns:a16="http://schemas.microsoft.com/office/drawing/2014/main" id="{893BD38F-EC96-06FF-94E9-DECDD3CD3877}"/>
              </a:ext>
            </a:extLst>
          </p:cNvPr>
          <p:cNvSpPr/>
          <p:nvPr/>
        </p:nvSpPr>
        <p:spPr bwMode="white">
          <a:xfrm>
            <a:off x="6054725" y="639763"/>
            <a:ext cx="498475" cy="887412"/>
          </a:xfrm>
          <a:custGeom>
            <a:avLst/>
            <a:gdLst>
              <a:gd name="connsiteX0" fmla="*/ 3991223 w 5553123"/>
              <a:gd name="connsiteY0" fmla="*/ 1407246 h 3128654"/>
              <a:gd name="connsiteX1" fmla="*/ 3430346 w 5553123"/>
              <a:gd name="connsiteY1" fmla="*/ 1968030 h 3128654"/>
              <a:gd name="connsiteX2" fmla="*/ 3597555 w 5553123"/>
              <a:gd name="connsiteY2" fmla="*/ 1999879 h 3128654"/>
              <a:gd name="connsiteX3" fmla="*/ 4017277 w 5553123"/>
              <a:gd name="connsiteY3" fmla="*/ 1565700 h 3128654"/>
              <a:gd name="connsiteX4" fmla="*/ 4017243 w 5553123"/>
              <a:gd name="connsiteY4" fmla="*/ 1565803 h 3128654"/>
              <a:gd name="connsiteX5" fmla="*/ 3991223 w 5553123"/>
              <a:gd name="connsiteY5" fmla="*/ 1407246 h 3128654"/>
              <a:gd name="connsiteX6" fmla="*/ 3597692 w 5553123"/>
              <a:gd name="connsiteY6" fmla="*/ 1131487 h 3128654"/>
              <a:gd name="connsiteX7" fmla="*/ 3172031 w 5553123"/>
              <a:gd name="connsiteY7" fmla="*/ 1565700 h 3128654"/>
              <a:gd name="connsiteX8" fmla="*/ 3171997 w 5553123"/>
              <a:gd name="connsiteY8" fmla="*/ 1565803 h 3128654"/>
              <a:gd name="connsiteX9" fmla="*/ 3197296 w 5553123"/>
              <a:gd name="connsiteY9" fmla="*/ 1722061 h 3128654"/>
              <a:gd name="connsiteX10" fmla="*/ 3757830 w 5553123"/>
              <a:gd name="connsiteY10" fmla="*/ 1161723 h 3128654"/>
              <a:gd name="connsiteX11" fmla="*/ 3597692 w 5553123"/>
              <a:gd name="connsiteY11" fmla="*/ 1131487 h 3128654"/>
              <a:gd name="connsiteX12" fmla="*/ 2205438 w 5553123"/>
              <a:gd name="connsiteY12" fmla="*/ 837298 h 3128654"/>
              <a:gd name="connsiteX13" fmla="*/ 2590180 w 5553123"/>
              <a:gd name="connsiteY13" fmla="*/ 837298 h 3128654"/>
              <a:gd name="connsiteX14" fmla="*/ 2590180 w 5553123"/>
              <a:gd name="connsiteY14" fmla="*/ 2548651 h 3128654"/>
              <a:gd name="connsiteX15" fmla="*/ 2015984 w 5553123"/>
              <a:gd name="connsiteY15" fmla="*/ 3128654 h 3128654"/>
              <a:gd name="connsiteX16" fmla="*/ 1756572 w 5553123"/>
              <a:gd name="connsiteY16" fmla="*/ 3073262 h 3128654"/>
              <a:gd name="connsiteX17" fmla="*/ 1844038 w 5553123"/>
              <a:gd name="connsiteY17" fmla="*/ 2761571 h 3128654"/>
              <a:gd name="connsiteX18" fmla="*/ 1989724 w 5553123"/>
              <a:gd name="connsiteY18" fmla="*/ 2787791 h 3128654"/>
              <a:gd name="connsiteX19" fmla="*/ 2205438 w 5553123"/>
              <a:gd name="connsiteY19" fmla="*/ 2548857 h 3128654"/>
              <a:gd name="connsiteX20" fmla="*/ 4139105 w 5553123"/>
              <a:gd name="connsiteY20" fmla="*/ 780499 h 3128654"/>
              <a:gd name="connsiteX21" fmla="*/ 4378642 w 5553123"/>
              <a:gd name="connsiteY21" fmla="*/ 1020017 h 3128654"/>
              <a:gd name="connsiteX22" fmla="*/ 4263474 w 5553123"/>
              <a:gd name="connsiteY22" fmla="*/ 1135365 h 3128654"/>
              <a:gd name="connsiteX23" fmla="*/ 4390485 w 5553123"/>
              <a:gd name="connsiteY23" fmla="*/ 1565769 h 3128654"/>
              <a:gd name="connsiteX24" fmla="*/ 3597520 w 5553123"/>
              <a:gd name="connsiteY24" fmla="*/ 2335080 h 3128654"/>
              <a:gd name="connsiteX25" fmla="*/ 3173748 w 5553123"/>
              <a:gd name="connsiteY25" fmla="*/ 2224604 h 3128654"/>
              <a:gd name="connsiteX26" fmla="*/ 3050169 w 5553123"/>
              <a:gd name="connsiteY26" fmla="*/ 2348155 h 3128654"/>
              <a:gd name="connsiteX27" fmla="*/ 2810563 w 5553123"/>
              <a:gd name="connsiteY27" fmla="*/ 2108707 h 3128654"/>
              <a:gd name="connsiteX28" fmla="*/ 2925320 w 5553123"/>
              <a:gd name="connsiteY28" fmla="*/ 1993976 h 3128654"/>
              <a:gd name="connsiteX29" fmla="*/ 2798892 w 5553123"/>
              <a:gd name="connsiteY29" fmla="*/ 1565838 h 3128654"/>
              <a:gd name="connsiteX30" fmla="*/ 3597486 w 5553123"/>
              <a:gd name="connsiteY30" fmla="*/ 793644 h 3128654"/>
              <a:gd name="connsiteX31" fmla="*/ 4015526 w 5553123"/>
              <a:gd name="connsiteY31" fmla="*/ 904050 h 3128654"/>
              <a:gd name="connsiteX32" fmla="*/ 396379 w 5553123"/>
              <a:gd name="connsiteY32" fmla="*/ 435140 h 3128654"/>
              <a:gd name="connsiteX33" fmla="*/ 396379 w 5553123"/>
              <a:gd name="connsiteY33" fmla="*/ 1932956 h 3128654"/>
              <a:gd name="connsiteX34" fmla="*/ 846344 w 5553123"/>
              <a:gd name="connsiteY34" fmla="*/ 1932956 h 3128654"/>
              <a:gd name="connsiteX35" fmla="*/ 1601274 w 5553123"/>
              <a:gd name="connsiteY35" fmla="*/ 1184065 h 3128654"/>
              <a:gd name="connsiteX36" fmla="*/ 846344 w 5553123"/>
              <a:gd name="connsiteY36" fmla="*/ 435140 h 3128654"/>
              <a:gd name="connsiteX37" fmla="*/ 0 w 5553123"/>
              <a:gd name="connsiteY37" fmla="*/ 76739 h 3128654"/>
              <a:gd name="connsiteX38" fmla="*/ 820049 w 5553123"/>
              <a:gd name="connsiteY38" fmla="*/ 76739 h 3128654"/>
              <a:gd name="connsiteX39" fmla="*/ 2000502 w 5553123"/>
              <a:gd name="connsiteY39" fmla="*/ 1184065 h 3128654"/>
              <a:gd name="connsiteX40" fmla="*/ 820049 w 5553123"/>
              <a:gd name="connsiteY40" fmla="*/ 2291391 h 3128654"/>
              <a:gd name="connsiteX41" fmla="*/ 0 w 5553123"/>
              <a:gd name="connsiteY41" fmla="*/ 2291391 h 3128654"/>
              <a:gd name="connsiteX42" fmla="*/ 5214998 w 5553123"/>
              <a:gd name="connsiteY42" fmla="*/ 0 h 3128654"/>
              <a:gd name="connsiteX43" fmla="*/ 5474410 w 5553123"/>
              <a:gd name="connsiteY43" fmla="*/ 55393 h 3128654"/>
              <a:gd name="connsiteX44" fmla="*/ 5386944 w 5553123"/>
              <a:gd name="connsiteY44" fmla="*/ 367187 h 3128654"/>
              <a:gd name="connsiteX45" fmla="*/ 5241258 w 5553123"/>
              <a:gd name="connsiteY45" fmla="*/ 340932 h 3128654"/>
              <a:gd name="connsiteX46" fmla="*/ 5025544 w 5553123"/>
              <a:gd name="connsiteY46" fmla="*/ 579901 h 3128654"/>
              <a:gd name="connsiteX47" fmla="*/ 5025544 w 5553123"/>
              <a:gd name="connsiteY47" fmla="*/ 837299 h 3128654"/>
              <a:gd name="connsiteX48" fmla="*/ 5553123 w 5553123"/>
              <a:gd name="connsiteY48" fmla="*/ 837402 h 3128654"/>
              <a:gd name="connsiteX49" fmla="*/ 5553123 w 5553123"/>
              <a:gd name="connsiteY49" fmla="*/ 1152113 h 3128654"/>
              <a:gd name="connsiteX50" fmla="*/ 5025544 w 5553123"/>
              <a:gd name="connsiteY50" fmla="*/ 1152113 h 3128654"/>
              <a:gd name="connsiteX51" fmla="*/ 5025544 w 5553123"/>
              <a:gd name="connsiteY51" fmla="*/ 2291528 h 3128654"/>
              <a:gd name="connsiteX52" fmla="*/ 4640802 w 5553123"/>
              <a:gd name="connsiteY52" fmla="*/ 2291528 h 3128654"/>
              <a:gd name="connsiteX53" fmla="*/ 4640802 w 5553123"/>
              <a:gd name="connsiteY53" fmla="*/ 1152113 h 3128654"/>
              <a:gd name="connsiteX54" fmla="*/ 4423612 w 5553123"/>
              <a:gd name="connsiteY54" fmla="*/ 1152113 h 3128654"/>
              <a:gd name="connsiteX55" fmla="*/ 4423612 w 5553123"/>
              <a:gd name="connsiteY55" fmla="*/ 837402 h 3128654"/>
              <a:gd name="connsiteX56" fmla="*/ 4640802 w 5553123"/>
              <a:gd name="connsiteY56" fmla="*/ 837402 h 3128654"/>
              <a:gd name="connsiteX57" fmla="*/ 4640802 w 5553123"/>
              <a:gd name="connsiteY57" fmla="*/ 580004 h 3128654"/>
              <a:gd name="connsiteX58" fmla="*/ 5214998 w 5553123"/>
              <a:gd name="connsiteY58" fmla="*/ 0 h 31286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5553123" h="3128654">
                <a:moveTo>
                  <a:pt x="3991223" y="1407246"/>
                </a:moveTo>
                <a:lnTo>
                  <a:pt x="3430346" y="1968030"/>
                </a:lnTo>
                <a:cubicBezTo>
                  <a:pt x="3483553" y="1989213"/>
                  <a:pt x="3540297" y="2000023"/>
                  <a:pt x="3597555" y="1999879"/>
                </a:cubicBezTo>
                <a:cubicBezTo>
                  <a:pt x="3819070" y="1999879"/>
                  <a:pt x="4017277" y="1836826"/>
                  <a:pt x="4017277" y="1565700"/>
                </a:cubicBezTo>
                <a:lnTo>
                  <a:pt x="4017243" y="1565803"/>
                </a:lnTo>
                <a:cubicBezTo>
                  <a:pt x="4017518" y="1511866"/>
                  <a:pt x="4008729" y="1458269"/>
                  <a:pt x="3991223" y="1407246"/>
                </a:cubicBezTo>
                <a:close/>
                <a:moveTo>
                  <a:pt x="3597692" y="1131487"/>
                </a:moveTo>
                <a:cubicBezTo>
                  <a:pt x="3370204" y="1131487"/>
                  <a:pt x="3172031" y="1294574"/>
                  <a:pt x="3172031" y="1565700"/>
                </a:cubicBezTo>
                <a:lnTo>
                  <a:pt x="3171997" y="1565803"/>
                </a:lnTo>
                <a:cubicBezTo>
                  <a:pt x="3171757" y="1618927"/>
                  <a:pt x="3180304" y="1671724"/>
                  <a:pt x="3197296" y="1722061"/>
                </a:cubicBezTo>
                <a:lnTo>
                  <a:pt x="3757830" y="1161723"/>
                </a:lnTo>
                <a:cubicBezTo>
                  <a:pt x="3706819" y="1141649"/>
                  <a:pt x="3652513" y="1131391"/>
                  <a:pt x="3597692" y="1131487"/>
                </a:cubicBezTo>
                <a:close/>
                <a:moveTo>
                  <a:pt x="2205438" y="837298"/>
                </a:moveTo>
                <a:lnTo>
                  <a:pt x="2590180" y="837298"/>
                </a:lnTo>
                <a:lnTo>
                  <a:pt x="2590180" y="2548651"/>
                </a:lnTo>
                <a:cubicBezTo>
                  <a:pt x="2590180" y="2895520"/>
                  <a:pt x="2359911" y="3128654"/>
                  <a:pt x="2015984" y="3128654"/>
                </a:cubicBezTo>
                <a:cubicBezTo>
                  <a:pt x="1922717" y="3128654"/>
                  <a:pt x="1838202" y="3111014"/>
                  <a:pt x="1756572" y="3073262"/>
                </a:cubicBezTo>
                <a:lnTo>
                  <a:pt x="1844038" y="2761571"/>
                </a:lnTo>
                <a:cubicBezTo>
                  <a:pt x="1896456" y="2779074"/>
                  <a:pt x="1948909" y="2787791"/>
                  <a:pt x="1989724" y="2787791"/>
                </a:cubicBezTo>
                <a:cubicBezTo>
                  <a:pt x="2118006" y="2787791"/>
                  <a:pt x="2205438" y="2691627"/>
                  <a:pt x="2205438" y="2548857"/>
                </a:cubicBezTo>
                <a:close/>
                <a:moveTo>
                  <a:pt x="4139105" y="780499"/>
                </a:moveTo>
                <a:lnTo>
                  <a:pt x="4378642" y="1020017"/>
                </a:lnTo>
                <a:lnTo>
                  <a:pt x="4263474" y="1135365"/>
                </a:lnTo>
                <a:cubicBezTo>
                  <a:pt x="4343457" y="1255038"/>
                  <a:pt x="4390485" y="1401034"/>
                  <a:pt x="4390485" y="1565769"/>
                </a:cubicBezTo>
                <a:cubicBezTo>
                  <a:pt x="4390485" y="2023285"/>
                  <a:pt x="4028880" y="2335080"/>
                  <a:pt x="3597520" y="2335080"/>
                </a:cubicBezTo>
                <a:cubicBezTo>
                  <a:pt x="3442429" y="2335080"/>
                  <a:pt x="3296983" y="2295681"/>
                  <a:pt x="3173748" y="2224604"/>
                </a:cubicBezTo>
                <a:lnTo>
                  <a:pt x="3050169" y="2348155"/>
                </a:lnTo>
                <a:lnTo>
                  <a:pt x="2810563" y="2108707"/>
                </a:lnTo>
                <a:lnTo>
                  <a:pt x="2925320" y="1993976"/>
                </a:lnTo>
                <a:cubicBezTo>
                  <a:pt x="2845543" y="1875058"/>
                  <a:pt x="2798892" y="1729886"/>
                  <a:pt x="2798892" y="1565838"/>
                </a:cubicBezTo>
                <a:cubicBezTo>
                  <a:pt x="2798892" y="1108390"/>
                  <a:pt x="3160291" y="793644"/>
                  <a:pt x="3597486" y="793644"/>
                </a:cubicBezTo>
                <a:cubicBezTo>
                  <a:pt x="3749866" y="793644"/>
                  <a:pt x="3893424" y="833077"/>
                  <a:pt x="4015526" y="904050"/>
                </a:cubicBezTo>
                <a:close/>
                <a:moveTo>
                  <a:pt x="396379" y="435140"/>
                </a:moveTo>
                <a:lnTo>
                  <a:pt x="396379" y="1932956"/>
                </a:lnTo>
                <a:lnTo>
                  <a:pt x="846344" y="1932956"/>
                </a:lnTo>
                <a:cubicBezTo>
                  <a:pt x="1298059" y="1932956"/>
                  <a:pt x="1601274" y="1632830"/>
                  <a:pt x="1601274" y="1184065"/>
                </a:cubicBezTo>
                <a:cubicBezTo>
                  <a:pt x="1601274" y="735300"/>
                  <a:pt x="1298128" y="435140"/>
                  <a:pt x="846344" y="435140"/>
                </a:cubicBezTo>
                <a:close/>
                <a:moveTo>
                  <a:pt x="0" y="76739"/>
                </a:moveTo>
                <a:lnTo>
                  <a:pt x="820049" y="76739"/>
                </a:lnTo>
                <a:cubicBezTo>
                  <a:pt x="1528328" y="76739"/>
                  <a:pt x="2000502" y="519670"/>
                  <a:pt x="2000502" y="1184065"/>
                </a:cubicBezTo>
                <a:cubicBezTo>
                  <a:pt x="2000502" y="1848460"/>
                  <a:pt x="1528328" y="2291391"/>
                  <a:pt x="820049" y="2291391"/>
                </a:cubicBezTo>
                <a:lnTo>
                  <a:pt x="0" y="2291391"/>
                </a:lnTo>
                <a:close/>
                <a:moveTo>
                  <a:pt x="5214998" y="0"/>
                </a:moveTo>
                <a:cubicBezTo>
                  <a:pt x="5308265" y="0"/>
                  <a:pt x="5392780" y="17641"/>
                  <a:pt x="5474410" y="55393"/>
                </a:cubicBezTo>
                <a:lnTo>
                  <a:pt x="5386944" y="367187"/>
                </a:lnTo>
                <a:cubicBezTo>
                  <a:pt x="5334526" y="349684"/>
                  <a:pt x="5282074" y="340932"/>
                  <a:pt x="5241258" y="340932"/>
                </a:cubicBezTo>
                <a:cubicBezTo>
                  <a:pt x="5112976" y="340932"/>
                  <a:pt x="5025544" y="437131"/>
                  <a:pt x="5025544" y="579901"/>
                </a:cubicBezTo>
                <a:lnTo>
                  <a:pt x="5025544" y="837299"/>
                </a:lnTo>
                <a:lnTo>
                  <a:pt x="5553123" y="837402"/>
                </a:lnTo>
                <a:lnTo>
                  <a:pt x="5553123" y="1152113"/>
                </a:lnTo>
                <a:lnTo>
                  <a:pt x="5025544" y="1152113"/>
                </a:lnTo>
                <a:lnTo>
                  <a:pt x="5025544" y="2291528"/>
                </a:lnTo>
                <a:lnTo>
                  <a:pt x="4640802" y="2291528"/>
                </a:lnTo>
                <a:lnTo>
                  <a:pt x="4640802" y="1152113"/>
                </a:lnTo>
                <a:lnTo>
                  <a:pt x="4423612" y="1152113"/>
                </a:lnTo>
                <a:lnTo>
                  <a:pt x="4423612" y="837402"/>
                </a:lnTo>
                <a:lnTo>
                  <a:pt x="4640802" y="837402"/>
                </a:lnTo>
                <a:lnTo>
                  <a:pt x="4640802" y="580004"/>
                </a:lnTo>
                <a:cubicBezTo>
                  <a:pt x="4640802" y="233134"/>
                  <a:pt x="4871070" y="0"/>
                  <a:pt x="5214998" y="0"/>
                </a:cubicBezTo>
                <a:close/>
              </a:path>
            </a:pathLst>
          </a:custGeom>
          <a:solidFill>
            <a:srgbClr val="FFFFFF"/>
          </a:solidFill>
          <a:ln w="3432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sp>
        <p:nvSpPr>
          <p:cNvPr id="6" name="5.element top">
            <a:extLst>
              <a:ext uri="{FF2B5EF4-FFF2-40B4-BE49-F238E27FC236}">
                <a16:creationId xmlns:a16="http://schemas.microsoft.com/office/drawing/2014/main" id="{4FC64249-8111-3E30-FDA2-7C6981CAF84E}"/>
              </a:ext>
            </a:extLst>
          </p:cNvPr>
          <p:cNvSpPr/>
          <p:nvPr/>
        </p:nvSpPr>
        <p:spPr>
          <a:xfrm>
            <a:off x="4929188" y="0"/>
            <a:ext cx="1928812" cy="6096000"/>
          </a:xfrm>
          <a:prstGeom prst="rtTriangle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20250" rIns="40500" bIns="2025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900" dirty="0">
              <a:solidFill>
                <a:schemeClr val="accent2"/>
              </a:solidFill>
            </a:endParaRPr>
          </a:p>
        </p:txBody>
      </p:sp>
      <p:sp>
        <p:nvSpPr>
          <p:cNvPr id="7" name="5.element bund">
            <a:extLst>
              <a:ext uri="{FF2B5EF4-FFF2-40B4-BE49-F238E27FC236}">
                <a16:creationId xmlns:a16="http://schemas.microsoft.com/office/drawing/2014/main" id="{53FA94AE-A038-39BD-A9A3-49826541F561}"/>
              </a:ext>
            </a:extLst>
          </p:cNvPr>
          <p:cNvSpPr/>
          <p:nvPr userDrawn="1"/>
        </p:nvSpPr>
        <p:spPr>
          <a:xfrm>
            <a:off x="4929188" y="6096000"/>
            <a:ext cx="1928812" cy="6096000"/>
          </a:xfrm>
          <a:prstGeom prst="ellipse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20250" rIns="40500" bIns="2025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900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 bwMode="white">
          <a:xfrm>
            <a:off x="303750" y="637822"/>
            <a:ext cx="4099479" cy="320000"/>
          </a:xfrm>
        </p:spPr>
        <p:txBody>
          <a:bodyPr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506">
                <a:solidFill>
                  <a:schemeClr val="bg1"/>
                </a:solidFill>
              </a:defRPr>
            </a:lvl1pPr>
            <a:lvl2pPr marL="0" indent="0" algn="l">
              <a:buFont typeface="Arial" panose="020B0604020202020204" pitchFamily="34" charset="0"/>
              <a:buChar char="​"/>
              <a:defRPr sz="1125"/>
            </a:lvl2pPr>
            <a:lvl3pPr marL="0" indent="0" algn="l">
              <a:buFont typeface="Arial" panose="020B0604020202020204" pitchFamily="34" charset="0"/>
              <a:buChar char="​"/>
              <a:defRPr sz="1125"/>
            </a:lvl3pPr>
            <a:lvl4pPr marL="0" indent="0" algn="l">
              <a:buFont typeface="Arial" panose="020B0604020202020204" pitchFamily="34" charset="0"/>
              <a:buChar char="​"/>
              <a:defRPr sz="1125"/>
            </a:lvl4pPr>
            <a:lvl5pPr marL="0" indent="0" algn="l">
              <a:buFont typeface="Arial" panose="020B0604020202020204" pitchFamily="34" charset="0"/>
              <a:buChar char="​"/>
              <a:defRPr sz="1125"/>
            </a:lvl5pPr>
            <a:lvl6pPr marL="0" indent="0" algn="l">
              <a:buFont typeface="Arial" panose="020B0604020202020204" pitchFamily="34" charset="0"/>
              <a:buChar char="​"/>
              <a:defRPr sz="1125"/>
            </a:lvl6pPr>
            <a:lvl7pPr marL="0" indent="0" algn="l">
              <a:buFont typeface="Arial" panose="020B0604020202020204" pitchFamily="34" charset="0"/>
              <a:buChar char="​"/>
              <a:defRPr sz="1125"/>
            </a:lvl7pPr>
            <a:lvl8pPr marL="0" indent="0" algn="l">
              <a:buFont typeface="Arial" panose="020B0604020202020204" pitchFamily="34" charset="0"/>
              <a:buChar char="​"/>
              <a:defRPr sz="1125"/>
            </a:lvl8pPr>
            <a:lvl9pPr marL="0" indent="0" algn="l">
              <a:buFont typeface="Arial" panose="020B0604020202020204" pitchFamily="34" charset="0"/>
              <a:buChar char="​"/>
              <a:defRPr sz="1125"/>
            </a:lvl9pPr>
          </a:lstStyle>
          <a:p>
            <a:r>
              <a:rPr lang="da-DK"/>
              <a:t>Klik for at redigere undertiteltypografien i masteren</a:t>
            </a:r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 bwMode="white">
          <a:xfrm>
            <a:off x="303609" y="3812823"/>
            <a:ext cx="4099620" cy="4441600"/>
          </a:xfrm>
        </p:spPr>
        <p:txBody>
          <a:bodyPr anchor="ctr"/>
          <a:lstStyle>
            <a:lvl1pPr algn="l">
              <a:defRPr sz="3038"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8" name="Date Placeholder 4">
            <a:extLst>
              <a:ext uri="{FF2B5EF4-FFF2-40B4-BE49-F238E27FC236}">
                <a16:creationId xmlns:a16="http://schemas.microsoft.com/office/drawing/2014/main" id="{C32B38B9-63A4-D7D4-97DA-0519486A0CB9}"/>
              </a:ext>
            </a:extLst>
          </p:cNvPr>
          <p:cNvSpPr>
            <a:spLocks noGrp="1"/>
          </p:cNvSpPr>
          <p:nvPr>
            <p:ph type="dt" sz="half" idx="10"/>
          </p:nvPr>
        </p:nvSpPr>
        <p:spPr bwMode="white">
          <a:xfrm>
            <a:off x="306388" y="11231563"/>
            <a:ext cx="871537" cy="319087"/>
          </a:xfrm>
        </p:spPr>
        <p:txBody>
          <a:bodyPr anchor="b"/>
          <a:lstStyle>
            <a:lvl1pPr>
              <a:defRPr smtClean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C802CCD0-D5EF-42A1-AEC7-EDE4A62647E2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9" name="Footer Placeholder 5">
            <a:extLst>
              <a:ext uri="{FF2B5EF4-FFF2-40B4-BE49-F238E27FC236}">
                <a16:creationId xmlns:a16="http://schemas.microsoft.com/office/drawing/2014/main" id="{B2CDE36D-D73F-7861-2B60-6309D7A3D31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 bwMode="white">
          <a:xfrm>
            <a:off x="1379538" y="11231563"/>
            <a:ext cx="3024187" cy="319087"/>
          </a:xfrm>
        </p:spPr>
        <p:txBody>
          <a:bodyPr anchor="b"/>
          <a:lstStyle>
            <a:lvl1pPr>
              <a:defRPr dirty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10" name="Slide Number Placeholder 14" hidden="1">
            <a:extLst>
              <a:ext uri="{FF2B5EF4-FFF2-40B4-BE49-F238E27FC236}">
                <a16:creationId xmlns:a16="http://schemas.microsoft.com/office/drawing/2014/main" id="{DADDFE79-52D8-2366-E744-6E854AB10CE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12192000"/>
            <a:ext cx="0" cy="0"/>
          </a:xfrm>
        </p:spPr>
        <p:txBody>
          <a:bodyPr/>
          <a:lstStyle>
            <a:lvl1pPr>
              <a:defRPr smtClean="0">
                <a:noFill/>
              </a:defRPr>
            </a:lvl1pPr>
          </a:lstStyle>
          <a:p>
            <a:pPr>
              <a:defRPr/>
            </a:pPr>
            <a:fld id="{1C80A8EC-89C4-4C0C-88AB-53ADA3E52790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35157949"/>
      </p:ext>
    </p:extLst>
  </p:cSld>
  <p:clrMapOvr>
    <a:masterClrMapping/>
  </p:clrMapOvr>
</p:sldLayout>
</file>

<file path=ppt/slideLayouts/slideLayout7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1_Agenda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ggrund">
            <a:extLst>
              <a:ext uri="{FF2B5EF4-FFF2-40B4-BE49-F238E27FC236}">
                <a16:creationId xmlns:a16="http://schemas.microsoft.com/office/drawing/2014/main" id="{B944ABA3-09FA-6AE8-D9B5-0046B018C72E}"/>
              </a:ext>
            </a:extLst>
          </p:cNvPr>
          <p:cNvSpPr/>
          <p:nvPr/>
        </p:nvSpPr>
        <p:spPr bwMode="ltGray">
          <a:xfrm>
            <a:off x="0" y="0"/>
            <a:ext cx="6858000" cy="12192000"/>
          </a:xfrm>
          <a:custGeom>
            <a:avLst/>
            <a:gdLst>
              <a:gd name="connsiteX0" fmla="*/ 0 w 10572750"/>
              <a:gd name="connsiteY0" fmla="*/ 0 h 10287000"/>
              <a:gd name="connsiteX1" fmla="*/ 10572750 w 10572750"/>
              <a:gd name="connsiteY1" fmla="*/ 0 h 10287000"/>
              <a:gd name="connsiteX2" fmla="*/ 10572750 w 10572750"/>
              <a:gd name="connsiteY2" fmla="*/ 10287000 h 10287000"/>
              <a:gd name="connsiteX3" fmla="*/ 0 w 10572750"/>
              <a:gd name="connsiteY3" fmla="*/ 10287000 h 10287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572750" h="10287000">
                <a:moveTo>
                  <a:pt x="0" y="0"/>
                </a:moveTo>
                <a:lnTo>
                  <a:pt x="10572750" y="0"/>
                </a:lnTo>
                <a:lnTo>
                  <a:pt x="10572750" y="10287000"/>
                </a:lnTo>
                <a:lnTo>
                  <a:pt x="0" y="10287000"/>
                </a:lnTo>
                <a:close/>
              </a:path>
            </a:pathLst>
          </a:custGeom>
          <a:solidFill>
            <a:schemeClr val="accent1"/>
          </a:solidFill>
          <a:ln w="9525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sp>
        <p:nvSpPr>
          <p:cNvPr id="4" name="Freeform: Shape 16">
            <a:extLst>
              <a:ext uri="{FF2B5EF4-FFF2-40B4-BE49-F238E27FC236}">
                <a16:creationId xmlns:a16="http://schemas.microsoft.com/office/drawing/2014/main" id="{16E5EE4F-A7DD-187E-52C7-18B7044250F6}"/>
              </a:ext>
            </a:extLst>
          </p:cNvPr>
          <p:cNvSpPr/>
          <p:nvPr userDrawn="1"/>
        </p:nvSpPr>
        <p:spPr bwMode="white">
          <a:xfrm>
            <a:off x="6197600" y="639763"/>
            <a:ext cx="355600" cy="635000"/>
          </a:xfrm>
          <a:custGeom>
            <a:avLst/>
            <a:gdLst>
              <a:gd name="connsiteX0" fmla="*/ 3991223 w 5553123"/>
              <a:gd name="connsiteY0" fmla="*/ 1407246 h 3128654"/>
              <a:gd name="connsiteX1" fmla="*/ 3430346 w 5553123"/>
              <a:gd name="connsiteY1" fmla="*/ 1968030 h 3128654"/>
              <a:gd name="connsiteX2" fmla="*/ 3597555 w 5553123"/>
              <a:gd name="connsiteY2" fmla="*/ 1999879 h 3128654"/>
              <a:gd name="connsiteX3" fmla="*/ 4017277 w 5553123"/>
              <a:gd name="connsiteY3" fmla="*/ 1565700 h 3128654"/>
              <a:gd name="connsiteX4" fmla="*/ 4017243 w 5553123"/>
              <a:gd name="connsiteY4" fmla="*/ 1565803 h 3128654"/>
              <a:gd name="connsiteX5" fmla="*/ 3991223 w 5553123"/>
              <a:gd name="connsiteY5" fmla="*/ 1407246 h 3128654"/>
              <a:gd name="connsiteX6" fmla="*/ 3597692 w 5553123"/>
              <a:gd name="connsiteY6" fmla="*/ 1131487 h 3128654"/>
              <a:gd name="connsiteX7" fmla="*/ 3172031 w 5553123"/>
              <a:gd name="connsiteY7" fmla="*/ 1565700 h 3128654"/>
              <a:gd name="connsiteX8" fmla="*/ 3171997 w 5553123"/>
              <a:gd name="connsiteY8" fmla="*/ 1565803 h 3128654"/>
              <a:gd name="connsiteX9" fmla="*/ 3197296 w 5553123"/>
              <a:gd name="connsiteY9" fmla="*/ 1722061 h 3128654"/>
              <a:gd name="connsiteX10" fmla="*/ 3757830 w 5553123"/>
              <a:gd name="connsiteY10" fmla="*/ 1161723 h 3128654"/>
              <a:gd name="connsiteX11" fmla="*/ 3597692 w 5553123"/>
              <a:gd name="connsiteY11" fmla="*/ 1131487 h 3128654"/>
              <a:gd name="connsiteX12" fmla="*/ 2205438 w 5553123"/>
              <a:gd name="connsiteY12" fmla="*/ 837298 h 3128654"/>
              <a:gd name="connsiteX13" fmla="*/ 2590180 w 5553123"/>
              <a:gd name="connsiteY13" fmla="*/ 837298 h 3128654"/>
              <a:gd name="connsiteX14" fmla="*/ 2590180 w 5553123"/>
              <a:gd name="connsiteY14" fmla="*/ 2548651 h 3128654"/>
              <a:gd name="connsiteX15" fmla="*/ 2015984 w 5553123"/>
              <a:gd name="connsiteY15" fmla="*/ 3128654 h 3128654"/>
              <a:gd name="connsiteX16" fmla="*/ 1756572 w 5553123"/>
              <a:gd name="connsiteY16" fmla="*/ 3073262 h 3128654"/>
              <a:gd name="connsiteX17" fmla="*/ 1844038 w 5553123"/>
              <a:gd name="connsiteY17" fmla="*/ 2761571 h 3128654"/>
              <a:gd name="connsiteX18" fmla="*/ 1989724 w 5553123"/>
              <a:gd name="connsiteY18" fmla="*/ 2787791 h 3128654"/>
              <a:gd name="connsiteX19" fmla="*/ 2205438 w 5553123"/>
              <a:gd name="connsiteY19" fmla="*/ 2548857 h 3128654"/>
              <a:gd name="connsiteX20" fmla="*/ 4139105 w 5553123"/>
              <a:gd name="connsiteY20" fmla="*/ 780499 h 3128654"/>
              <a:gd name="connsiteX21" fmla="*/ 4378642 w 5553123"/>
              <a:gd name="connsiteY21" fmla="*/ 1020017 h 3128654"/>
              <a:gd name="connsiteX22" fmla="*/ 4263474 w 5553123"/>
              <a:gd name="connsiteY22" fmla="*/ 1135365 h 3128654"/>
              <a:gd name="connsiteX23" fmla="*/ 4390485 w 5553123"/>
              <a:gd name="connsiteY23" fmla="*/ 1565769 h 3128654"/>
              <a:gd name="connsiteX24" fmla="*/ 3597520 w 5553123"/>
              <a:gd name="connsiteY24" fmla="*/ 2335080 h 3128654"/>
              <a:gd name="connsiteX25" fmla="*/ 3173748 w 5553123"/>
              <a:gd name="connsiteY25" fmla="*/ 2224604 h 3128654"/>
              <a:gd name="connsiteX26" fmla="*/ 3050169 w 5553123"/>
              <a:gd name="connsiteY26" fmla="*/ 2348155 h 3128654"/>
              <a:gd name="connsiteX27" fmla="*/ 2810563 w 5553123"/>
              <a:gd name="connsiteY27" fmla="*/ 2108707 h 3128654"/>
              <a:gd name="connsiteX28" fmla="*/ 2925320 w 5553123"/>
              <a:gd name="connsiteY28" fmla="*/ 1993976 h 3128654"/>
              <a:gd name="connsiteX29" fmla="*/ 2798892 w 5553123"/>
              <a:gd name="connsiteY29" fmla="*/ 1565838 h 3128654"/>
              <a:gd name="connsiteX30" fmla="*/ 3597486 w 5553123"/>
              <a:gd name="connsiteY30" fmla="*/ 793644 h 3128654"/>
              <a:gd name="connsiteX31" fmla="*/ 4015526 w 5553123"/>
              <a:gd name="connsiteY31" fmla="*/ 904050 h 3128654"/>
              <a:gd name="connsiteX32" fmla="*/ 396379 w 5553123"/>
              <a:gd name="connsiteY32" fmla="*/ 435140 h 3128654"/>
              <a:gd name="connsiteX33" fmla="*/ 396379 w 5553123"/>
              <a:gd name="connsiteY33" fmla="*/ 1932956 h 3128654"/>
              <a:gd name="connsiteX34" fmla="*/ 846344 w 5553123"/>
              <a:gd name="connsiteY34" fmla="*/ 1932956 h 3128654"/>
              <a:gd name="connsiteX35" fmla="*/ 1601274 w 5553123"/>
              <a:gd name="connsiteY35" fmla="*/ 1184065 h 3128654"/>
              <a:gd name="connsiteX36" fmla="*/ 846344 w 5553123"/>
              <a:gd name="connsiteY36" fmla="*/ 435140 h 3128654"/>
              <a:gd name="connsiteX37" fmla="*/ 0 w 5553123"/>
              <a:gd name="connsiteY37" fmla="*/ 76739 h 3128654"/>
              <a:gd name="connsiteX38" fmla="*/ 820049 w 5553123"/>
              <a:gd name="connsiteY38" fmla="*/ 76739 h 3128654"/>
              <a:gd name="connsiteX39" fmla="*/ 2000502 w 5553123"/>
              <a:gd name="connsiteY39" fmla="*/ 1184065 h 3128654"/>
              <a:gd name="connsiteX40" fmla="*/ 820049 w 5553123"/>
              <a:gd name="connsiteY40" fmla="*/ 2291391 h 3128654"/>
              <a:gd name="connsiteX41" fmla="*/ 0 w 5553123"/>
              <a:gd name="connsiteY41" fmla="*/ 2291391 h 3128654"/>
              <a:gd name="connsiteX42" fmla="*/ 5214998 w 5553123"/>
              <a:gd name="connsiteY42" fmla="*/ 0 h 3128654"/>
              <a:gd name="connsiteX43" fmla="*/ 5474410 w 5553123"/>
              <a:gd name="connsiteY43" fmla="*/ 55393 h 3128654"/>
              <a:gd name="connsiteX44" fmla="*/ 5386944 w 5553123"/>
              <a:gd name="connsiteY44" fmla="*/ 367187 h 3128654"/>
              <a:gd name="connsiteX45" fmla="*/ 5241258 w 5553123"/>
              <a:gd name="connsiteY45" fmla="*/ 340932 h 3128654"/>
              <a:gd name="connsiteX46" fmla="*/ 5025544 w 5553123"/>
              <a:gd name="connsiteY46" fmla="*/ 579901 h 3128654"/>
              <a:gd name="connsiteX47" fmla="*/ 5025544 w 5553123"/>
              <a:gd name="connsiteY47" fmla="*/ 837299 h 3128654"/>
              <a:gd name="connsiteX48" fmla="*/ 5553123 w 5553123"/>
              <a:gd name="connsiteY48" fmla="*/ 837402 h 3128654"/>
              <a:gd name="connsiteX49" fmla="*/ 5553123 w 5553123"/>
              <a:gd name="connsiteY49" fmla="*/ 1152113 h 3128654"/>
              <a:gd name="connsiteX50" fmla="*/ 5025544 w 5553123"/>
              <a:gd name="connsiteY50" fmla="*/ 1152113 h 3128654"/>
              <a:gd name="connsiteX51" fmla="*/ 5025544 w 5553123"/>
              <a:gd name="connsiteY51" fmla="*/ 2291528 h 3128654"/>
              <a:gd name="connsiteX52" fmla="*/ 4640802 w 5553123"/>
              <a:gd name="connsiteY52" fmla="*/ 2291528 h 3128654"/>
              <a:gd name="connsiteX53" fmla="*/ 4640802 w 5553123"/>
              <a:gd name="connsiteY53" fmla="*/ 1152113 h 3128654"/>
              <a:gd name="connsiteX54" fmla="*/ 4423612 w 5553123"/>
              <a:gd name="connsiteY54" fmla="*/ 1152113 h 3128654"/>
              <a:gd name="connsiteX55" fmla="*/ 4423612 w 5553123"/>
              <a:gd name="connsiteY55" fmla="*/ 837402 h 3128654"/>
              <a:gd name="connsiteX56" fmla="*/ 4640802 w 5553123"/>
              <a:gd name="connsiteY56" fmla="*/ 837402 h 3128654"/>
              <a:gd name="connsiteX57" fmla="*/ 4640802 w 5553123"/>
              <a:gd name="connsiteY57" fmla="*/ 580004 h 3128654"/>
              <a:gd name="connsiteX58" fmla="*/ 5214998 w 5553123"/>
              <a:gd name="connsiteY58" fmla="*/ 0 h 31286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5553123" h="3128654">
                <a:moveTo>
                  <a:pt x="3991223" y="1407246"/>
                </a:moveTo>
                <a:lnTo>
                  <a:pt x="3430346" y="1968030"/>
                </a:lnTo>
                <a:cubicBezTo>
                  <a:pt x="3483553" y="1989213"/>
                  <a:pt x="3540297" y="2000023"/>
                  <a:pt x="3597555" y="1999879"/>
                </a:cubicBezTo>
                <a:cubicBezTo>
                  <a:pt x="3819070" y="1999879"/>
                  <a:pt x="4017277" y="1836826"/>
                  <a:pt x="4017277" y="1565700"/>
                </a:cubicBezTo>
                <a:lnTo>
                  <a:pt x="4017243" y="1565803"/>
                </a:lnTo>
                <a:cubicBezTo>
                  <a:pt x="4017518" y="1511866"/>
                  <a:pt x="4008729" y="1458269"/>
                  <a:pt x="3991223" y="1407246"/>
                </a:cubicBezTo>
                <a:close/>
                <a:moveTo>
                  <a:pt x="3597692" y="1131487"/>
                </a:moveTo>
                <a:cubicBezTo>
                  <a:pt x="3370204" y="1131487"/>
                  <a:pt x="3172031" y="1294574"/>
                  <a:pt x="3172031" y="1565700"/>
                </a:cubicBezTo>
                <a:lnTo>
                  <a:pt x="3171997" y="1565803"/>
                </a:lnTo>
                <a:cubicBezTo>
                  <a:pt x="3171757" y="1618927"/>
                  <a:pt x="3180304" y="1671724"/>
                  <a:pt x="3197296" y="1722061"/>
                </a:cubicBezTo>
                <a:lnTo>
                  <a:pt x="3757830" y="1161723"/>
                </a:lnTo>
                <a:cubicBezTo>
                  <a:pt x="3706819" y="1141649"/>
                  <a:pt x="3652513" y="1131391"/>
                  <a:pt x="3597692" y="1131487"/>
                </a:cubicBezTo>
                <a:close/>
                <a:moveTo>
                  <a:pt x="2205438" y="837298"/>
                </a:moveTo>
                <a:lnTo>
                  <a:pt x="2590180" y="837298"/>
                </a:lnTo>
                <a:lnTo>
                  <a:pt x="2590180" y="2548651"/>
                </a:lnTo>
                <a:cubicBezTo>
                  <a:pt x="2590180" y="2895520"/>
                  <a:pt x="2359911" y="3128654"/>
                  <a:pt x="2015984" y="3128654"/>
                </a:cubicBezTo>
                <a:cubicBezTo>
                  <a:pt x="1922717" y="3128654"/>
                  <a:pt x="1838202" y="3111014"/>
                  <a:pt x="1756572" y="3073262"/>
                </a:cubicBezTo>
                <a:lnTo>
                  <a:pt x="1844038" y="2761571"/>
                </a:lnTo>
                <a:cubicBezTo>
                  <a:pt x="1896456" y="2779074"/>
                  <a:pt x="1948909" y="2787791"/>
                  <a:pt x="1989724" y="2787791"/>
                </a:cubicBezTo>
                <a:cubicBezTo>
                  <a:pt x="2118006" y="2787791"/>
                  <a:pt x="2205438" y="2691627"/>
                  <a:pt x="2205438" y="2548857"/>
                </a:cubicBezTo>
                <a:close/>
                <a:moveTo>
                  <a:pt x="4139105" y="780499"/>
                </a:moveTo>
                <a:lnTo>
                  <a:pt x="4378642" y="1020017"/>
                </a:lnTo>
                <a:lnTo>
                  <a:pt x="4263474" y="1135365"/>
                </a:lnTo>
                <a:cubicBezTo>
                  <a:pt x="4343457" y="1255038"/>
                  <a:pt x="4390485" y="1401034"/>
                  <a:pt x="4390485" y="1565769"/>
                </a:cubicBezTo>
                <a:cubicBezTo>
                  <a:pt x="4390485" y="2023285"/>
                  <a:pt x="4028880" y="2335080"/>
                  <a:pt x="3597520" y="2335080"/>
                </a:cubicBezTo>
                <a:cubicBezTo>
                  <a:pt x="3442429" y="2335080"/>
                  <a:pt x="3296983" y="2295681"/>
                  <a:pt x="3173748" y="2224604"/>
                </a:cubicBezTo>
                <a:lnTo>
                  <a:pt x="3050169" y="2348155"/>
                </a:lnTo>
                <a:lnTo>
                  <a:pt x="2810563" y="2108707"/>
                </a:lnTo>
                <a:lnTo>
                  <a:pt x="2925320" y="1993976"/>
                </a:lnTo>
                <a:cubicBezTo>
                  <a:pt x="2845543" y="1875058"/>
                  <a:pt x="2798892" y="1729886"/>
                  <a:pt x="2798892" y="1565838"/>
                </a:cubicBezTo>
                <a:cubicBezTo>
                  <a:pt x="2798892" y="1108390"/>
                  <a:pt x="3160291" y="793644"/>
                  <a:pt x="3597486" y="793644"/>
                </a:cubicBezTo>
                <a:cubicBezTo>
                  <a:pt x="3749866" y="793644"/>
                  <a:pt x="3893424" y="833077"/>
                  <a:pt x="4015526" y="904050"/>
                </a:cubicBezTo>
                <a:close/>
                <a:moveTo>
                  <a:pt x="396379" y="435140"/>
                </a:moveTo>
                <a:lnTo>
                  <a:pt x="396379" y="1932956"/>
                </a:lnTo>
                <a:lnTo>
                  <a:pt x="846344" y="1932956"/>
                </a:lnTo>
                <a:cubicBezTo>
                  <a:pt x="1298059" y="1932956"/>
                  <a:pt x="1601274" y="1632830"/>
                  <a:pt x="1601274" y="1184065"/>
                </a:cubicBezTo>
                <a:cubicBezTo>
                  <a:pt x="1601274" y="735300"/>
                  <a:pt x="1298128" y="435140"/>
                  <a:pt x="846344" y="435140"/>
                </a:cubicBezTo>
                <a:close/>
                <a:moveTo>
                  <a:pt x="0" y="76739"/>
                </a:moveTo>
                <a:lnTo>
                  <a:pt x="820049" y="76739"/>
                </a:lnTo>
                <a:cubicBezTo>
                  <a:pt x="1528328" y="76739"/>
                  <a:pt x="2000502" y="519670"/>
                  <a:pt x="2000502" y="1184065"/>
                </a:cubicBezTo>
                <a:cubicBezTo>
                  <a:pt x="2000502" y="1848460"/>
                  <a:pt x="1528328" y="2291391"/>
                  <a:pt x="820049" y="2291391"/>
                </a:cubicBezTo>
                <a:lnTo>
                  <a:pt x="0" y="2291391"/>
                </a:lnTo>
                <a:close/>
                <a:moveTo>
                  <a:pt x="5214998" y="0"/>
                </a:moveTo>
                <a:cubicBezTo>
                  <a:pt x="5308265" y="0"/>
                  <a:pt x="5392780" y="17641"/>
                  <a:pt x="5474410" y="55393"/>
                </a:cubicBezTo>
                <a:lnTo>
                  <a:pt x="5386944" y="367187"/>
                </a:lnTo>
                <a:cubicBezTo>
                  <a:pt x="5334526" y="349684"/>
                  <a:pt x="5282074" y="340932"/>
                  <a:pt x="5241258" y="340932"/>
                </a:cubicBezTo>
                <a:cubicBezTo>
                  <a:pt x="5112976" y="340932"/>
                  <a:pt x="5025544" y="437131"/>
                  <a:pt x="5025544" y="579901"/>
                </a:cubicBezTo>
                <a:lnTo>
                  <a:pt x="5025544" y="837299"/>
                </a:lnTo>
                <a:lnTo>
                  <a:pt x="5553123" y="837402"/>
                </a:lnTo>
                <a:lnTo>
                  <a:pt x="5553123" y="1152113"/>
                </a:lnTo>
                <a:lnTo>
                  <a:pt x="5025544" y="1152113"/>
                </a:lnTo>
                <a:lnTo>
                  <a:pt x="5025544" y="2291528"/>
                </a:lnTo>
                <a:lnTo>
                  <a:pt x="4640802" y="2291528"/>
                </a:lnTo>
                <a:lnTo>
                  <a:pt x="4640802" y="1152113"/>
                </a:lnTo>
                <a:lnTo>
                  <a:pt x="4423612" y="1152113"/>
                </a:lnTo>
                <a:lnTo>
                  <a:pt x="4423612" y="837402"/>
                </a:lnTo>
                <a:lnTo>
                  <a:pt x="4640802" y="837402"/>
                </a:lnTo>
                <a:lnTo>
                  <a:pt x="4640802" y="580004"/>
                </a:lnTo>
                <a:cubicBezTo>
                  <a:pt x="4640802" y="233134"/>
                  <a:pt x="4871070" y="0"/>
                  <a:pt x="5214998" y="0"/>
                </a:cubicBezTo>
                <a:close/>
              </a:path>
            </a:pathLst>
          </a:custGeom>
          <a:solidFill>
            <a:srgbClr val="FFFFFF"/>
          </a:solidFill>
          <a:ln w="3432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 bwMode="white">
          <a:xfrm>
            <a:off x="303751" y="3812823"/>
            <a:ext cx="1410750" cy="7738532"/>
          </a:xfrm>
        </p:spPr>
        <p:txBody>
          <a:bodyPr/>
          <a:lstStyle>
            <a:lvl1pPr>
              <a:defRPr sz="1350"/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3"/>
          </p:nvPr>
        </p:nvSpPr>
        <p:spPr bwMode="white">
          <a:xfrm>
            <a:off x="1916311" y="3810003"/>
            <a:ext cx="3024485" cy="7738532"/>
          </a:xfrm>
        </p:spPr>
        <p:txBody>
          <a:bodyPr/>
          <a:lstStyle>
            <a:lvl1pPr marL="0" indent="0">
              <a:buFont typeface="Djoef Offc" panose="02000000000000000000" pitchFamily="2" charset="0"/>
              <a:buChar char="​"/>
              <a:defRPr/>
            </a:lvl1pPr>
            <a:lvl2pPr marL="0" indent="0">
              <a:lnSpc>
                <a:spcPct val="100000"/>
              </a:lnSpc>
              <a:spcBef>
                <a:spcPts val="0"/>
              </a:spcBef>
              <a:spcAft>
                <a:spcPts val="338"/>
              </a:spcAft>
              <a:buFont typeface="Djoef Offc" panose="02000000000000000000" pitchFamily="2" charset="0"/>
              <a:buChar char="​"/>
              <a:defRPr sz="900" b="1">
                <a:latin typeface="+mj-lt"/>
              </a:defRPr>
            </a:lvl2pPr>
            <a:lvl3pPr marL="0" indent="0">
              <a:lnSpc>
                <a:spcPct val="100000"/>
              </a:lnSpc>
              <a:spcBef>
                <a:spcPts val="0"/>
              </a:spcBef>
              <a:spcAft>
                <a:spcPts val="338"/>
              </a:spcAft>
              <a:buFont typeface="Djoef Offc" panose="02000000000000000000" pitchFamily="2" charset="0"/>
              <a:buChar char="​"/>
              <a:defRPr sz="900"/>
            </a:lvl3pPr>
            <a:lvl4pPr marL="0" indent="0">
              <a:lnSpc>
                <a:spcPct val="100000"/>
              </a:lnSpc>
              <a:spcBef>
                <a:spcPts val="0"/>
              </a:spcBef>
              <a:spcAft>
                <a:spcPts val="338"/>
              </a:spcAft>
              <a:buFont typeface="Djoef Offc" panose="02000000000000000000" pitchFamily="2" charset="0"/>
              <a:buChar char="​"/>
              <a:defRPr sz="900"/>
            </a:lvl4pPr>
            <a:lvl5pPr marL="0" indent="0">
              <a:lnSpc>
                <a:spcPct val="100000"/>
              </a:lnSpc>
              <a:spcBef>
                <a:spcPts val="0"/>
              </a:spcBef>
              <a:spcAft>
                <a:spcPts val="338"/>
              </a:spcAft>
              <a:buFont typeface="Djoef Offc" panose="02000000000000000000" pitchFamily="2" charset="0"/>
              <a:buChar char="​"/>
              <a:defRPr sz="900"/>
            </a:lvl5pPr>
            <a:lvl6pPr marL="0" indent="0">
              <a:lnSpc>
                <a:spcPct val="100000"/>
              </a:lnSpc>
              <a:spcBef>
                <a:spcPts val="0"/>
              </a:spcBef>
              <a:spcAft>
                <a:spcPts val="338"/>
              </a:spcAft>
              <a:buFont typeface="Djoef Offc" panose="02000000000000000000" pitchFamily="2" charset="0"/>
              <a:buChar char="​"/>
              <a:defRPr sz="900" b="1">
                <a:latin typeface="+mj-lt"/>
              </a:defRPr>
            </a:lvl6pPr>
            <a:lvl7pPr marL="0" indent="0">
              <a:lnSpc>
                <a:spcPct val="100000"/>
              </a:lnSpc>
              <a:spcBef>
                <a:spcPts val="0"/>
              </a:spcBef>
              <a:spcAft>
                <a:spcPts val="338"/>
              </a:spcAft>
              <a:buFont typeface="Djoef Offc" panose="02000000000000000000" pitchFamily="2" charset="0"/>
              <a:buChar char="​"/>
              <a:defRPr sz="900" b="0">
                <a:latin typeface="+mn-lt"/>
              </a:defRPr>
            </a:lvl7pPr>
            <a:lvl8pPr marL="0" indent="0">
              <a:lnSpc>
                <a:spcPct val="100000"/>
              </a:lnSpc>
              <a:spcBef>
                <a:spcPts val="0"/>
              </a:spcBef>
              <a:spcAft>
                <a:spcPts val="338"/>
              </a:spcAft>
              <a:buFont typeface="Djoef Offc" panose="02000000000000000000" pitchFamily="2" charset="0"/>
              <a:buChar char="​"/>
              <a:defRPr sz="900" b="1">
                <a:latin typeface="+mj-lt"/>
              </a:defRPr>
            </a:lvl8pPr>
            <a:lvl9pPr marL="0" indent="0">
              <a:lnSpc>
                <a:spcPct val="100000"/>
              </a:lnSpc>
              <a:spcBef>
                <a:spcPts val="0"/>
              </a:spcBef>
              <a:spcAft>
                <a:spcPts val="338"/>
              </a:spcAft>
              <a:buFont typeface="Djoef Offc" panose="02000000000000000000" pitchFamily="2" charset="0"/>
              <a:buChar char="​"/>
              <a:defRPr sz="900"/>
            </a:lvl9pPr>
          </a:lstStyle>
          <a:p>
            <a:pPr lvl="0"/>
            <a:r>
              <a:rPr lang="da-DK" noProof="0"/>
              <a:t>Klik for at redigere teksttypografierne i masteren</a:t>
            </a:r>
          </a:p>
          <a:p>
            <a:pPr lvl="1"/>
            <a:r>
              <a:rPr lang="da-DK" noProof="0"/>
              <a:t>Andet niveau</a:t>
            </a:r>
          </a:p>
          <a:p>
            <a:pPr lvl="2"/>
            <a:r>
              <a:rPr lang="da-DK" noProof="0"/>
              <a:t>Tredje niveau</a:t>
            </a:r>
          </a:p>
          <a:p>
            <a:pPr lvl="3"/>
            <a:r>
              <a:rPr lang="da-DK" noProof="0"/>
              <a:t>Fjerde niveau</a:t>
            </a:r>
          </a:p>
          <a:p>
            <a:pPr lvl="4"/>
            <a:r>
              <a:rPr lang="da-DK" noProof="0"/>
              <a:t>Femte niveau</a:t>
            </a:r>
            <a:endParaRPr lang="da-DK" noProof="0" dirty="0"/>
          </a:p>
        </p:txBody>
      </p:sp>
      <p:sp>
        <p:nvSpPr>
          <p:cNvPr id="5" name="Date Placeholder 1">
            <a:extLst>
              <a:ext uri="{FF2B5EF4-FFF2-40B4-BE49-F238E27FC236}">
                <a16:creationId xmlns:a16="http://schemas.microsoft.com/office/drawing/2014/main" id="{2C0DA9CE-95D4-870B-0A2A-8EC138F58FA2}"/>
              </a:ext>
            </a:extLst>
          </p:cNvPr>
          <p:cNvSpPr>
            <a:spLocks noGrp="1"/>
          </p:cNvSpPr>
          <p:nvPr>
            <p:ph type="dt" sz="half" idx="14"/>
          </p:nvPr>
        </p:nvSpPr>
        <p:spPr bwMode="white"/>
        <p:txBody>
          <a:bodyPr/>
          <a:lstStyle>
            <a:lvl1pPr>
              <a:defRPr/>
            </a:lvl1pPr>
          </a:lstStyle>
          <a:p>
            <a:pPr>
              <a:defRPr/>
            </a:pPr>
            <a:fld id="{E8B0E9A5-6F64-4C20-8810-6D05C9DFF701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6" name="Footer Placeholder 3">
            <a:extLst>
              <a:ext uri="{FF2B5EF4-FFF2-40B4-BE49-F238E27FC236}">
                <a16:creationId xmlns:a16="http://schemas.microsoft.com/office/drawing/2014/main" id="{1A163BD0-F2E2-EA4E-5F01-B94283E37972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 bwMode="white">
          <a:xfrm>
            <a:off x="1916113" y="639763"/>
            <a:ext cx="3024187" cy="32067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8" name="Slide Number Placeholder 4">
            <a:extLst>
              <a:ext uri="{FF2B5EF4-FFF2-40B4-BE49-F238E27FC236}">
                <a16:creationId xmlns:a16="http://schemas.microsoft.com/office/drawing/2014/main" id="{6FD5BABC-92E0-953E-E186-FCC7C30CEC7B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 bwMode="white"/>
        <p:txBody>
          <a:bodyPr/>
          <a:lstStyle>
            <a:lvl1pPr>
              <a:defRPr/>
            </a:lvl1pPr>
          </a:lstStyle>
          <a:p>
            <a:pPr>
              <a:defRPr/>
            </a:pPr>
            <a:fld id="{DD8A3A60-8438-42D4-BB73-987697A61628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2307477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7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1_Titel og 2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03610" y="3814401"/>
            <a:ext cx="3023592" cy="7412777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da-DK" noProof="0"/>
              <a:t>Klik for at redigere teksttypografierne i masteren</a:t>
            </a:r>
          </a:p>
          <a:p>
            <a:pPr lvl="1"/>
            <a:r>
              <a:rPr lang="da-DK" noProof="0"/>
              <a:t>Andet niveau</a:t>
            </a:r>
          </a:p>
          <a:p>
            <a:pPr lvl="2"/>
            <a:r>
              <a:rPr lang="da-DK" noProof="0"/>
              <a:t>Tredje niveau</a:t>
            </a:r>
          </a:p>
          <a:p>
            <a:pPr lvl="3"/>
            <a:r>
              <a:rPr lang="da-DK" noProof="0"/>
              <a:t>Fjerde niveau</a:t>
            </a:r>
          </a:p>
          <a:p>
            <a:pPr lvl="4"/>
            <a:r>
              <a:rPr lang="da-DK" noProof="0"/>
              <a:t>Femte niveau</a:t>
            </a:r>
            <a:endParaRPr lang="da-DK" noProof="0" dirty="0"/>
          </a:p>
        </p:txBody>
      </p:sp>
      <p:sp>
        <p:nvSpPr>
          <p:cNvPr id="7" name="Content Placeholder 3"/>
          <p:cNvSpPr>
            <a:spLocks noGrp="1"/>
          </p:cNvSpPr>
          <p:nvPr>
            <p:ph sz="half" idx="2"/>
          </p:nvPr>
        </p:nvSpPr>
        <p:spPr>
          <a:xfrm>
            <a:off x="3529012" y="3814401"/>
            <a:ext cx="3023592" cy="7419177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da-DK" noProof="0"/>
              <a:t>Klik for at redigere teksttypografierne i masteren</a:t>
            </a:r>
          </a:p>
          <a:p>
            <a:pPr lvl="1"/>
            <a:r>
              <a:rPr lang="da-DK" noProof="0"/>
              <a:t>Andet niveau</a:t>
            </a:r>
          </a:p>
          <a:p>
            <a:pPr lvl="2"/>
            <a:r>
              <a:rPr lang="da-DK" noProof="0"/>
              <a:t>Tredje niveau</a:t>
            </a:r>
          </a:p>
          <a:p>
            <a:pPr lvl="3"/>
            <a:r>
              <a:rPr lang="da-DK" noProof="0"/>
              <a:t>Fjerde niveau</a:t>
            </a:r>
          </a:p>
          <a:p>
            <a:pPr lvl="4"/>
            <a:r>
              <a:rPr lang="da-DK" noProof="0"/>
              <a:t>Femte niveau</a:t>
            </a:r>
            <a:endParaRPr lang="da-DK" dirty="0"/>
          </a:p>
        </p:txBody>
      </p:sp>
      <p:sp>
        <p:nvSpPr>
          <p:cNvPr id="11" name="Text Placeholder notes"/>
          <p:cNvSpPr>
            <a:spLocks noGrp="1"/>
          </p:cNvSpPr>
          <p:nvPr>
            <p:ph type="body" sz="quarter" idx="17"/>
          </p:nvPr>
        </p:nvSpPr>
        <p:spPr>
          <a:xfrm>
            <a:off x="303164" y="11230712"/>
            <a:ext cx="6251175" cy="321289"/>
          </a:xfrm>
        </p:spPr>
        <p:txBody>
          <a:bodyPr anchor="b" anchorCtr="0"/>
          <a:lstStyle>
            <a:lvl1pPr marL="0" indent="0">
              <a:spcAft>
                <a:spcPts val="169"/>
              </a:spcAft>
              <a:buFont typeface="Arial" panose="020B0604020202020204" pitchFamily="34" charset="0"/>
              <a:buNone/>
              <a:defRPr sz="450" i="1"/>
            </a:lvl1pPr>
            <a:lvl2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2pPr>
            <a:lvl3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3pPr>
            <a:lvl4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4pPr>
            <a:lvl5pPr marL="0" indent="0">
              <a:buFont typeface="Arial" panose="020B0604020202020204" pitchFamily="34" charset="0"/>
              <a:buNone/>
              <a:defRPr/>
            </a:lvl5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4" name="Date Placeholder 7">
            <a:extLst>
              <a:ext uri="{FF2B5EF4-FFF2-40B4-BE49-F238E27FC236}">
                <a16:creationId xmlns:a16="http://schemas.microsoft.com/office/drawing/2014/main" id="{1F4A3932-68CD-3A5E-119E-393EFFA62B5C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C234AD68-A740-47EE-898D-A5DA2D9672E9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5" name="Footer Placeholder 8">
            <a:extLst>
              <a:ext uri="{FF2B5EF4-FFF2-40B4-BE49-F238E27FC236}">
                <a16:creationId xmlns:a16="http://schemas.microsoft.com/office/drawing/2014/main" id="{87CF5FF3-45A1-C908-C440-D7C917EE3C56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6" name="Slide Number Placeholder 9">
            <a:extLst>
              <a:ext uri="{FF2B5EF4-FFF2-40B4-BE49-F238E27FC236}">
                <a16:creationId xmlns:a16="http://schemas.microsoft.com/office/drawing/2014/main" id="{D03EAB51-1527-900D-ECDE-8427CBD29A65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F7B09020-425F-4873-8041-99193FB1D084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0471360"/>
      </p:ext>
    </p:extLst>
  </p:cSld>
  <p:clrMapOvr>
    <a:masterClrMapping/>
  </p:clrMapOvr>
</p:sldLayout>
</file>

<file path=ppt/slideLayouts/slideLayout7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1_Afslutn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ggrund">
            <a:extLst>
              <a:ext uri="{FF2B5EF4-FFF2-40B4-BE49-F238E27FC236}">
                <a16:creationId xmlns:a16="http://schemas.microsoft.com/office/drawing/2014/main" id="{1830A421-2505-4637-FBC6-2F6511CAB6D1}"/>
              </a:ext>
            </a:extLst>
          </p:cNvPr>
          <p:cNvSpPr/>
          <p:nvPr/>
        </p:nvSpPr>
        <p:spPr>
          <a:xfrm>
            <a:off x="0" y="0"/>
            <a:ext cx="6858000" cy="12192000"/>
          </a:xfrm>
          <a:custGeom>
            <a:avLst/>
            <a:gdLst>
              <a:gd name="connsiteX0" fmla="*/ 0 w 18288000"/>
              <a:gd name="connsiteY0" fmla="*/ 0 h 10287000"/>
              <a:gd name="connsiteX1" fmla="*/ 18288000 w 18288000"/>
              <a:gd name="connsiteY1" fmla="*/ 0 h 10287000"/>
              <a:gd name="connsiteX2" fmla="*/ 18288000 w 18288000"/>
              <a:gd name="connsiteY2" fmla="*/ 10287000 h 10287000"/>
              <a:gd name="connsiteX3" fmla="*/ 0 w 18288000"/>
              <a:gd name="connsiteY3" fmla="*/ 10287000 h 10287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8288000" h="10287000">
                <a:moveTo>
                  <a:pt x="0" y="0"/>
                </a:moveTo>
                <a:lnTo>
                  <a:pt x="18288000" y="0"/>
                </a:lnTo>
                <a:lnTo>
                  <a:pt x="18288000" y="10287000"/>
                </a:lnTo>
                <a:lnTo>
                  <a:pt x="0" y="10287000"/>
                </a:lnTo>
                <a:close/>
              </a:path>
            </a:pathLst>
          </a:custGeom>
          <a:solidFill>
            <a:schemeClr val="accent2"/>
          </a:solidFill>
          <a:ln w="9525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grpSp>
        <p:nvGrpSpPr>
          <p:cNvPr id="4" name="Group 5">
            <a:extLst>
              <a:ext uri="{FF2B5EF4-FFF2-40B4-BE49-F238E27FC236}">
                <a16:creationId xmlns:a16="http://schemas.microsoft.com/office/drawing/2014/main" id="{344586B7-6CA3-03C8-2750-199B9B6FC8B8}"/>
              </a:ext>
            </a:extLst>
          </p:cNvPr>
          <p:cNvGrpSpPr/>
          <p:nvPr userDrawn="1"/>
        </p:nvGrpSpPr>
        <p:grpSpPr>
          <a:xfrm rot="5400000">
            <a:off x="2175199" y="3403522"/>
            <a:ext cx="8086320" cy="1279281"/>
            <a:chOff x="3408363" y="4698000"/>
            <a:chExt cx="4320001" cy="2160000"/>
          </a:xfrm>
          <a:solidFill>
            <a:schemeClr val="accent1"/>
          </a:solidFill>
        </p:grpSpPr>
        <p:sp>
          <p:nvSpPr>
            <p:cNvPr id="5" name="Rectangle 1">
              <a:extLst>
                <a:ext uri="{FF2B5EF4-FFF2-40B4-BE49-F238E27FC236}">
                  <a16:creationId xmlns:a16="http://schemas.microsoft.com/office/drawing/2014/main" id="{0B6975C0-5AFE-33E9-A839-6967E6AA6F2D}"/>
                </a:ext>
              </a:extLst>
            </p:cNvPr>
            <p:cNvSpPr/>
            <p:nvPr/>
          </p:nvSpPr>
          <p:spPr>
            <a:xfrm rot="10800000">
              <a:off x="3408363" y="4698000"/>
              <a:ext cx="2160000" cy="21600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anchor="ctr"/>
            <a:lstStyle/>
            <a:p>
              <a:pPr algn="ctr" eaLnBrk="1" fontAlgn="auto" hangingPunct="1">
                <a:spcBef>
                  <a:spcPts val="0"/>
                </a:spcBef>
                <a:spcAft>
                  <a:spcPts val="0"/>
                </a:spcAft>
                <a:defRPr/>
              </a:pPr>
              <a:endParaRPr lang="da-DK" sz="900" dirty="0"/>
            </a:p>
          </p:txBody>
        </p:sp>
        <p:sp>
          <p:nvSpPr>
            <p:cNvPr id="6" name="Oval 2">
              <a:extLst>
                <a:ext uri="{FF2B5EF4-FFF2-40B4-BE49-F238E27FC236}">
                  <a16:creationId xmlns:a16="http://schemas.microsoft.com/office/drawing/2014/main" id="{CE6A4303-F2BF-4508-51AF-E0148DA0D794}"/>
                </a:ext>
              </a:extLst>
            </p:cNvPr>
            <p:cNvSpPr/>
            <p:nvPr/>
          </p:nvSpPr>
          <p:spPr>
            <a:xfrm rot="10800000">
              <a:off x="5568364" y="4698000"/>
              <a:ext cx="2160000" cy="2160000"/>
            </a:xfrm>
            <a:prstGeom prst="ellips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anchor="ctr"/>
            <a:lstStyle/>
            <a:p>
              <a:pPr algn="ctr" eaLnBrk="1" fontAlgn="auto" hangingPunct="1">
                <a:spcBef>
                  <a:spcPts val="0"/>
                </a:spcBef>
                <a:spcAft>
                  <a:spcPts val="0"/>
                </a:spcAft>
                <a:defRPr/>
              </a:pPr>
              <a:endParaRPr lang="da-DK" sz="900" dirty="0"/>
            </a:p>
          </p:txBody>
        </p:sp>
      </p:grpSp>
      <p:sp>
        <p:nvSpPr>
          <p:cNvPr id="7" name="Freeform: Shape 13">
            <a:extLst>
              <a:ext uri="{FF2B5EF4-FFF2-40B4-BE49-F238E27FC236}">
                <a16:creationId xmlns:a16="http://schemas.microsoft.com/office/drawing/2014/main" id="{1899E0B3-0E89-6688-6F34-9E1375C27BD3}"/>
              </a:ext>
            </a:extLst>
          </p:cNvPr>
          <p:cNvSpPr/>
          <p:nvPr userDrawn="1"/>
        </p:nvSpPr>
        <p:spPr bwMode="white">
          <a:xfrm>
            <a:off x="6197600" y="639763"/>
            <a:ext cx="355600" cy="635000"/>
          </a:xfrm>
          <a:custGeom>
            <a:avLst/>
            <a:gdLst>
              <a:gd name="connsiteX0" fmla="*/ 3991223 w 5553123"/>
              <a:gd name="connsiteY0" fmla="*/ 1407246 h 3128654"/>
              <a:gd name="connsiteX1" fmla="*/ 3430346 w 5553123"/>
              <a:gd name="connsiteY1" fmla="*/ 1968030 h 3128654"/>
              <a:gd name="connsiteX2" fmla="*/ 3597555 w 5553123"/>
              <a:gd name="connsiteY2" fmla="*/ 1999879 h 3128654"/>
              <a:gd name="connsiteX3" fmla="*/ 4017277 w 5553123"/>
              <a:gd name="connsiteY3" fmla="*/ 1565700 h 3128654"/>
              <a:gd name="connsiteX4" fmla="*/ 4017243 w 5553123"/>
              <a:gd name="connsiteY4" fmla="*/ 1565803 h 3128654"/>
              <a:gd name="connsiteX5" fmla="*/ 3991223 w 5553123"/>
              <a:gd name="connsiteY5" fmla="*/ 1407246 h 3128654"/>
              <a:gd name="connsiteX6" fmla="*/ 3597692 w 5553123"/>
              <a:gd name="connsiteY6" fmla="*/ 1131487 h 3128654"/>
              <a:gd name="connsiteX7" fmla="*/ 3172031 w 5553123"/>
              <a:gd name="connsiteY7" fmla="*/ 1565700 h 3128654"/>
              <a:gd name="connsiteX8" fmla="*/ 3171997 w 5553123"/>
              <a:gd name="connsiteY8" fmla="*/ 1565803 h 3128654"/>
              <a:gd name="connsiteX9" fmla="*/ 3197296 w 5553123"/>
              <a:gd name="connsiteY9" fmla="*/ 1722061 h 3128654"/>
              <a:gd name="connsiteX10" fmla="*/ 3757830 w 5553123"/>
              <a:gd name="connsiteY10" fmla="*/ 1161723 h 3128654"/>
              <a:gd name="connsiteX11" fmla="*/ 3597692 w 5553123"/>
              <a:gd name="connsiteY11" fmla="*/ 1131487 h 3128654"/>
              <a:gd name="connsiteX12" fmla="*/ 2205438 w 5553123"/>
              <a:gd name="connsiteY12" fmla="*/ 837298 h 3128654"/>
              <a:gd name="connsiteX13" fmla="*/ 2590180 w 5553123"/>
              <a:gd name="connsiteY13" fmla="*/ 837298 h 3128654"/>
              <a:gd name="connsiteX14" fmla="*/ 2590180 w 5553123"/>
              <a:gd name="connsiteY14" fmla="*/ 2548651 h 3128654"/>
              <a:gd name="connsiteX15" fmla="*/ 2015984 w 5553123"/>
              <a:gd name="connsiteY15" fmla="*/ 3128654 h 3128654"/>
              <a:gd name="connsiteX16" fmla="*/ 1756572 w 5553123"/>
              <a:gd name="connsiteY16" fmla="*/ 3073262 h 3128654"/>
              <a:gd name="connsiteX17" fmla="*/ 1844038 w 5553123"/>
              <a:gd name="connsiteY17" fmla="*/ 2761571 h 3128654"/>
              <a:gd name="connsiteX18" fmla="*/ 1989724 w 5553123"/>
              <a:gd name="connsiteY18" fmla="*/ 2787791 h 3128654"/>
              <a:gd name="connsiteX19" fmla="*/ 2205438 w 5553123"/>
              <a:gd name="connsiteY19" fmla="*/ 2548857 h 3128654"/>
              <a:gd name="connsiteX20" fmla="*/ 4139105 w 5553123"/>
              <a:gd name="connsiteY20" fmla="*/ 780499 h 3128654"/>
              <a:gd name="connsiteX21" fmla="*/ 4378642 w 5553123"/>
              <a:gd name="connsiteY21" fmla="*/ 1020017 h 3128654"/>
              <a:gd name="connsiteX22" fmla="*/ 4263474 w 5553123"/>
              <a:gd name="connsiteY22" fmla="*/ 1135365 h 3128654"/>
              <a:gd name="connsiteX23" fmla="*/ 4390485 w 5553123"/>
              <a:gd name="connsiteY23" fmla="*/ 1565769 h 3128654"/>
              <a:gd name="connsiteX24" fmla="*/ 3597520 w 5553123"/>
              <a:gd name="connsiteY24" fmla="*/ 2335080 h 3128654"/>
              <a:gd name="connsiteX25" fmla="*/ 3173748 w 5553123"/>
              <a:gd name="connsiteY25" fmla="*/ 2224604 h 3128654"/>
              <a:gd name="connsiteX26" fmla="*/ 3050169 w 5553123"/>
              <a:gd name="connsiteY26" fmla="*/ 2348155 h 3128654"/>
              <a:gd name="connsiteX27" fmla="*/ 2810563 w 5553123"/>
              <a:gd name="connsiteY27" fmla="*/ 2108707 h 3128654"/>
              <a:gd name="connsiteX28" fmla="*/ 2925320 w 5553123"/>
              <a:gd name="connsiteY28" fmla="*/ 1993976 h 3128654"/>
              <a:gd name="connsiteX29" fmla="*/ 2798892 w 5553123"/>
              <a:gd name="connsiteY29" fmla="*/ 1565838 h 3128654"/>
              <a:gd name="connsiteX30" fmla="*/ 3597486 w 5553123"/>
              <a:gd name="connsiteY30" fmla="*/ 793644 h 3128654"/>
              <a:gd name="connsiteX31" fmla="*/ 4015526 w 5553123"/>
              <a:gd name="connsiteY31" fmla="*/ 904050 h 3128654"/>
              <a:gd name="connsiteX32" fmla="*/ 396379 w 5553123"/>
              <a:gd name="connsiteY32" fmla="*/ 435140 h 3128654"/>
              <a:gd name="connsiteX33" fmla="*/ 396379 w 5553123"/>
              <a:gd name="connsiteY33" fmla="*/ 1932956 h 3128654"/>
              <a:gd name="connsiteX34" fmla="*/ 846344 w 5553123"/>
              <a:gd name="connsiteY34" fmla="*/ 1932956 h 3128654"/>
              <a:gd name="connsiteX35" fmla="*/ 1601274 w 5553123"/>
              <a:gd name="connsiteY35" fmla="*/ 1184065 h 3128654"/>
              <a:gd name="connsiteX36" fmla="*/ 846344 w 5553123"/>
              <a:gd name="connsiteY36" fmla="*/ 435140 h 3128654"/>
              <a:gd name="connsiteX37" fmla="*/ 0 w 5553123"/>
              <a:gd name="connsiteY37" fmla="*/ 76739 h 3128654"/>
              <a:gd name="connsiteX38" fmla="*/ 820049 w 5553123"/>
              <a:gd name="connsiteY38" fmla="*/ 76739 h 3128654"/>
              <a:gd name="connsiteX39" fmla="*/ 2000502 w 5553123"/>
              <a:gd name="connsiteY39" fmla="*/ 1184065 h 3128654"/>
              <a:gd name="connsiteX40" fmla="*/ 820049 w 5553123"/>
              <a:gd name="connsiteY40" fmla="*/ 2291391 h 3128654"/>
              <a:gd name="connsiteX41" fmla="*/ 0 w 5553123"/>
              <a:gd name="connsiteY41" fmla="*/ 2291391 h 3128654"/>
              <a:gd name="connsiteX42" fmla="*/ 5214998 w 5553123"/>
              <a:gd name="connsiteY42" fmla="*/ 0 h 3128654"/>
              <a:gd name="connsiteX43" fmla="*/ 5474410 w 5553123"/>
              <a:gd name="connsiteY43" fmla="*/ 55393 h 3128654"/>
              <a:gd name="connsiteX44" fmla="*/ 5386944 w 5553123"/>
              <a:gd name="connsiteY44" fmla="*/ 367187 h 3128654"/>
              <a:gd name="connsiteX45" fmla="*/ 5241258 w 5553123"/>
              <a:gd name="connsiteY45" fmla="*/ 340932 h 3128654"/>
              <a:gd name="connsiteX46" fmla="*/ 5025544 w 5553123"/>
              <a:gd name="connsiteY46" fmla="*/ 579901 h 3128654"/>
              <a:gd name="connsiteX47" fmla="*/ 5025544 w 5553123"/>
              <a:gd name="connsiteY47" fmla="*/ 837299 h 3128654"/>
              <a:gd name="connsiteX48" fmla="*/ 5553123 w 5553123"/>
              <a:gd name="connsiteY48" fmla="*/ 837402 h 3128654"/>
              <a:gd name="connsiteX49" fmla="*/ 5553123 w 5553123"/>
              <a:gd name="connsiteY49" fmla="*/ 1152113 h 3128654"/>
              <a:gd name="connsiteX50" fmla="*/ 5025544 w 5553123"/>
              <a:gd name="connsiteY50" fmla="*/ 1152113 h 3128654"/>
              <a:gd name="connsiteX51" fmla="*/ 5025544 w 5553123"/>
              <a:gd name="connsiteY51" fmla="*/ 2291528 h 3128654"/>
              <a:gd name="connsiteX52" fmla="*/ 4640802 w 5553123"/>
              <a:gd name="connsiteY52" fmla="*/ 2291528 h 3128654"/>
              <a:gd name="connsiteX53" fmla="*/ 4640802 w 5553123"/>
              <a:gd name="connsiteY53" fmla="*/ 1152113 h 3128654"/>
              <a:gd name="connsiteX54" fmla="*/ 4423612 w 5553123"/>
              <a:gd name="connsiteY54" fmla="*/ 1152113 h 3128654"/>
              <a:gd name="connsiteX55" fmla="*/ 4423612 w 5553123"/>
              <a:gd name="connsiteY55" fmla="*/ 837402 h 3128654"/>
              <a:gd name="connsiteX56" fmla="*/ 4640802 w 5553123"/>
              <a:gd name="connsiteY56" fmla="*/ 837402 h 3128654"/>
              <a:gd name="connsiteX57" fmla="*/ 4640802 w 5553123"/>
              <a:gd name="connsiteY57" fmla="*/ 580004 h 3128654"/>
              <a:gd name="connsiteX58" fmla="*/ 5214998 w 5553123"/>
              <a:gd name="connsiteY58" fmla="*/ 0 h 31286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5553123" h="3128654">
                <a:moveTo>
                  <a:pt x="3991223" y="1407246"/>
                </a:moveTo>
                <a:lnTo>
                  <a:pt x="3430346" y="1968030"/>
                </a:lnTo>
                <a:cubicBezTo>
                  <a:pt x="3483553" y="1989213"/>
                  <a:pt x="3540297" y="2000023"/>
                  <a:pt x="3597555" y="1999879"/>
                </a:cubicBezTo>
                <a:cubicBezTo>
                  <a:pt x="3819070" y="1999879"/>
                  <a:pt x="4017277" y="1836826"/>
                  <a:pt x="4017277" y="1565700"/>
                </a:cubicBezTo>
                <a:lnTo>
                  <a:pt x="4017243" y="1565803"/>
                </a:lnTo>
                <a:cubicBezTo>
                  <a:pt x="4017518" y="1511866"/>
                  <a:pt x="4008729" y="1458269"/>
                  <a:pt x="3991223" y="1407246"/>
                </a:cubicBezTo>
                <a:close/>
                <a:moveTo>
                  <a:pt x="3597692" y="1131487"/>
                </a:moveTo>
                <a:cubicBezTo>
                  <a:pt x="3370204" y="1131487"/>
                  <a:pt x="3172031" y="1294574"/>
                  <a:pt x="3172031" y="1565700"/>
                </a:cubicBezTo>
                <a:lnTo>
                  <a:pt x="3171997" y="1565803"/>
                </a:lnTo>
                <a:cubicBezTo>
                  <a:pt x="3171757" y="1618927"/>
                  <a:pt x="3180304" y="1671724"/>
                  <a:pt x="3197296" y="1722061"/>
                </a:cubicBezTo>
                <a:lnTo>
                  <a:pt x="3757830" y="1161723"/>
                </a:lnTo>
                <a:cubicBezTo>
                  <a:pt x="3706819" y="1141649"/>
                  <a:pt x="3652513" y="1131391"/>
                  <a:pt x="3597692" y="1131487"/>
                </a:cubicBezTo>
                <a:close/>
                <a:moveTo>
                  <a:pt x="2205438" y="837298"/>
                </a:moveTo>
                <a:lnTo>
                  <a:pt x="2590180" y="837298"/>
                </a:lnTo>
                <a:lnTo>
                  <a:pt x="2590180" y="2548651"/>
                </a:lnTo>
                <a:cubicBezTo>
                  <a:pt x="2590180" y="2895520"/>
                  <a:pt x="2359911" y="3128654"/>
                  <a:pt x="2015984" y="3128654"/>
                </a:cubicBezTo>
                <a:cubicBezTo>
                  <a:pt x="1922717" y="3128654"/>
                  <a:pt x="1838202" y="3111014"/>
                  <a:pt x="1756572" y="3073262"/>
                </a:cubicBezTo>
                <a:lnTo>
                  <a:pt x="1844038" y="2761571"/>
                </a:lnTo>
                <a:cubicBezTo>
                  <a:pt x="1896456" y="2779074"/>
                  <a:pt x="1948909" y="2787791"/>
                  <a:pt x="1989724" y="2787791"/>
                </a:cubicBezTo>
                <a:cubicBezTo>
                  <a:pt x="2118006" y="2787791"/>
                  <a:pt x="2205438" y="2691627"/>
                  <a:pt x="2205438" y="2548857"/>
                </a:cubicBezTo>
                <a:close/>
                <a:moveTo>
                  <a:pt x="4139105" y="780499"/>
                </a:moveTo>
                <a:lnTo>
                  <a:pt x="4378642" y="1020017"/>
                </a:lnTo>
                <a:lnTo>
                  <a:pt x="4263474" y="1135365"/>
                </a:lnTo>
                <a:cubicBezTo>
                  <a:pt x="4343457" y="1255038"/>
                  <a:pt x="4390485" y="1401034"/>
                  <a:pt x="4390485" y="1565769"/>
                </a:cubicBezTo>
                <a:cubicBezTo>
                  <a:pt x="4390485" y="2023285"/>
                  <a:pt x="4028880" y="2335080"/>
                  <a:pt x="3597520" y="2335080"/>
                </a:cubicBezTo>
                <a:cubicBezTo>
                  <a:pt x="3442429" y="2335080"/>
                  <a:pt x="3296983" y="2295681"/>
                  <a:pt x="3173748" y="2224604"/>
                </a:cubicBezTo>
                <a:lnTo>
                  <a:pt x="3050169" y="2348155"/>
                </a:lnTo>
                <a:lnTo>
                  <a:pt x="2810563" y="2108707"/>
                </a:lnTo>
                <a:lnTo>
                  <a:pt x="2925320" y="1993976"/>
                </a:lnTo>
                <a:cubicBezTo>
                  <a:pt x="2845543" y="1875058"/>
                  <a:pt x="2798892" y="1729886"/>
                  <a:pt x="2798892" y="1565838"/>
                </a:cubicBezTo>
                <a:cubicBezTo>
                  <a:pt x="2798892" y="1108390"/>
                  <a:pt x="3160291" y="793644"/>
                  <a:pt x="3597486" y="793644"/>
                </a:cubicBezTo>
                <a:cubicBezTo>
                  <a:pt x="3749866" y="793644"/>
                  <a:pt x="3893424" y="833077"/>
                  <a:pt x="4015526" y="904050"/>
                </a:cubicBezTo>
                <a:close/>
                <a:moveTo>
                  <a:pt x="396379" y="435140"/>
                </a:moveTo>
                <a:lnTo>
                  <a:pt x="396379" y="1932956"/>
                </a:lnTo>
                <a:lnTo>
                  <a:pt x="846344" y="1932956"/>
                </a:lnTo>
                <a:cubicBezTo>
                  <a:pt x="1298059" y="1932956"/>
                  <a:pt x="1601274" y="1632830"/>
                  <a:pt x="1601274" y="1184065"/>
                </a:cubicBezTo>
                <a:cubicBezTo>
                  <a:pt x="1601274" y="735300"/>
                  <a:pt x="1298128" y="435140"/>
                  <a:pt x="846344" y="435140"/>
                </a:cubicBezTo>
                <a:close/>
                <a:moveTo>
                  <a:pt x="0" y="76739"/>
                </a:moveTo>
                <a:lnTo>
                  <a:pt x="820049" y="76739"/>
                </a:lnTo>
                <a:cubicBezTo>
                  <a:pt x="1528328" y="76739"/>
                  <a:pt x="2000502" y="519670"/>
                  <a:pt x="2000502" y="1184065"/>
                </a:cubicBezTo>
                <a:cubicBezTo>
                  <a:pt x="2000502" y="1848460"/>
                  <a:pt x="1528328" y="2291391"/>
                  <a:pt x="820049" y="2291391"/>
                </a:cubicBezTo>
                <a:lnTo>
                  <a:pt x="0" y="2291391"/>
                </a:lnTo>
                <a:close/>
                <a:moveTo>
                  <a:pt x="5214998" y="0"/>
                </a:moveTo>
                <a:cubicBezTo>
                  <a:pt x="5308265" y="0"/>
                  <a:pt x="5392780" y="17641"/>
                  <a:pt x="5474410" y="55393"/>
                </a:cubicBezTo>
                <a:lnTo>
                  <a:pt x="5386944" y="367187"/>
                </a:lnTo>
                <a:cubicBezTo>
                  <a:pt x="5334526" y="349684"/>
                  <a:pt x="5282074" y="340932"/>
                  <a:pt x="5241258" y="340932"/>
                </a:cubicBezTo>
                <a:cubicBezTo>
                  <a:pt x="5112976" y="340932"/>
                  <a:pt x="5025544" y="437131"/>
                  <a:pt x="5025544" y="579901"/>
                </a:cubicBezTo>
                <a:lnTo>
                  <a:pt x="5025544" y="837299"/>
                </a:lnTo>
                <a:lnTo>
                  <a:pt x="5553123" y="837402"/>
                </a:lnTo>
                <a:lnTo>
                  <a:pt x="5553123" y="1152113"/>
                </a:lnTo>
                <a:lnTo>
                  <a:pt x="5025544" y="1152113"/>
                </a:lnTo>
                <a:lnTo>
                  <a:pt x="5025544" y="2291528"/>
                </a:lnTo>
                <a:lnTo>
                  <a:pt x="4640802" y="2291528"/>
                </a:lnTo>
                <a:lnTo>
                  <a:pt x="4640802" y="1152113"/>
                </a:lnTo>
                <a:lnTo>
                  <a:pt x="4423612" y="1152113"/>
                </a:lnTo>
                <a:lnTo>
                  <a:pt x="4423612" y="837402"/>
                </a:lnTo>
                <a:lnTo>
                  <a:pt x="4640802" y="837402"/>
                </a:lnTo>
                <a:lnTo>
                  <a:pt x="4640802" y="580004"/>
                </a:lnTo>
                <a:cubicBezTo>
                  <a:pt x="4640802" y="233134"/>
                  <a:pt x="4871070" y="0"/>
                  <a:pt x="5214998" y="0"/>
                </a:cubicBezTo>
                <a:close/>
              </a:path>
            </a:pathLst>
          </a:custGeom>
          <a:solidFill>
            <a:srgbClr val="FFFFFF"/>
          </a:solidFill>
          <a:ln w="3432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 bwMode="white">
          <a:xfrm>
            <a:off x="1916311" y="3812823"/>
            <a:ext cx="3024485" cy="4441600"/>
          </a:xfrm>
        </p:spPr>
        <p:txBody>
          <a:bodyPr anchor="ctr"/>
          <a:lstStyle>
            <a:lvl1pPr>
              <a:defRPr sz="3038">
                <a:solidFill>
                  <a:schemeClr val="tx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8" name="Date Placeholder 2">
            <a:extLst>
              <a:ext uri="{FF2B5EF4-FFF2-40B4-BE49-F238E27FC236}">
                <a16:creationId xmlns:a16="http://schemas.microsoft.com/office/drawing/2014/main" id="{44D75DB3-3923-747A-31BB-6D2A7A529DAF}"/>
              </a:ext>
            </a:extLst>
          </p:cNvPr>
          <p:cNvSpPr>
            <a:spLocks noGrp="1"/>
          </p:cNvSpPr>
          <p:nvPr>
            <p:ph type="dt" sz="half" idx="10"/>
          </p:nvPr>
        </p:nvSpPr>
        <p:spPr bwMode="white"/>
        <p:txBody>
          <a:bodyPr/>
          <a:lstStyle>
            <a:lvl1pPr>
              <a:defRPr/>
            </a:lvl1pPr>
          </a:lstStyle>
          <a:p>
            <a:pPr>
              <a:defRPr/>
            </a:pPr>
            <a:fld id="{1DBB678A-E9B9-46D2-87F2-027633EE5FD3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9" name="Footer Placeholder 3">
            <a:extLst>
              <a:ext uri="{FF2B5EF4-FFF2-40B4-BE49-F238E27FC236}">
                <a16:creationId xmlns:a16="http://schemas.microsoft.com/office/drawing/2014/main" id="{6F7D8576-7E5C-8919-1DB9-2C19B011653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 bwMode="white"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10" name="Slide Number Placeholder 4">
            <a:extLst>
              <a:ext uri="{FF2B5EF4-FFF2-40B4-BE49-F238E27FC236}">
                <a16:creationId xmlns:a16="http://schemas.microsoft.com/office/drawing/2014/main" id="{82D268D7-1E2D-FB42-6FEC-D149C1CC570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 bwMode="white"/>
        <p:txBody>
          <a:bodyPr/>
          <a:lstStyle>
            <a:lvl1pPr>
              <a:defRPr/>
            </a:lvl1pPr>
          </a:lstStyle>
          <a:p>
            <a:pPr>
              <a:defRPr/>
            </a:pPr>
            <a:fld id="{C90B5510-2C4C-4153-899B-CA8E209BA633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6580972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7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1_Brugerguide O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Box 3">
            <a:extLst>
              <a:ext uri="{FF2B5EF4-FFF2-40B4-BE49-F238E27FC236}">
                <a16:creationId xmlns:a16="http://schemas.microsoft.com/office/drawing/2014/main" id="{53793624-E152-3E29-8C8F-E7E24636FB36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2444750" y="2638425"/>
            <a:ext cx="1558925" cy="8343900"/>
          </a:xfrm>
          <a:prstGeom prst="rect">
            <a:avLst/>
          </a:prstGeom>
          <a:noFill/>
          <a:ln>
            <a:noFill/>
          </a:ln>
        </p:spPr>
        <p:txBody>
          <a:bodyPr lIns="0" tIns="0" rIns="81000" bIns="0"/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defTabSz="514350" eaLnBrk="1" fontAlgn="auto" hangingPunct="1">
              <a:spcBef>
                <a:spcPts val="675"/>
              </a:spcBef>
              <a:spcAft>
                <a:spcPts val="338"/>
              </a:spcAft>
              <a:defRPr/>
            </a:pPr>
            <a:r>
              <a:rPr lang="da-DK" sz="900" dirty="0">
                <a:latin typeface="+mn-lt"/>
                <a:cs typeface="Arial" panose="020B0604020202020204" pitchFamily="34" charset="0"/>
              </a:rPr>
              <a:t>BILLEDER</a:t>
            </a:r>
            <a:br>
              <a:rPr lang="da-DK" sz="900" dirty="0">
                <a:latin typeface="+mn-lt"/>
                <a:cs typeface="Arial" panose="020B0604020202020204" pitchFamily="34" charset="0"/>
              </a:rPr>
            </a:br>
            <a:r>
              <a:rPr lang="da-DK" sz="506" b="1" noProof="1">
                <a:latin typeface="+mn-lt"/>
                <a:cs typeface="Arial" panose="020B0604020202020204" pitchFamily="34" charset="0"/>
              </a:rPr>
              <a:t>Indsæt fra Templafy</a:t>
            </a:r>
            <a:endParaRPr lang="da-DK" altLang="da-DK" sz="506" noProof="1">
              <a:latin typeface="+mn-lt"/>
              <a:cs typeface="Arial" panose="020B0604020202020204" pitchFamily="34" charset="0"/>
            </a:endParaRPr>
          </a:p>
          <a:p>
            <a:pPr defTabSz="514350"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1. 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Klik på den blå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Templafy 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knap</a:t>
            </a:r>
          </a:p>
          <a:p>
            <a:pPr defTabSz="514350"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2. 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I dropdown menuen, vælg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Images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, klik på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Skyfish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 knappen i Templafy vinduet i højre side af skærmen</a:t>
            </a:r>
          </a:p>
          <a:p>
            <a:pPr defTabSz="514350"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endParaRPr lang="da-DK" altLang="da-DK" sz="506" noProof="1">
              <a:latin typeface="+mn-lt"/>
              <a:cs typeface="Arial" panose="020B0604020202020204" pitchFamily="34" charset="0"/>
            </a:endParaRPr>
          </a:p>
          <a:p>
            <a:pPr defTabSz="514350"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Indsæt billede</a:t>
            </a:r>
          </a:p>
          <a:p>
            <a:pPr defTabSz="514350"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På slides med billedpladsholder, klik på ikonet og vælg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Indsæt 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for at søge efter billede</a:t>
            </a:r>
            <a:endParaRPr lang="da-DK" altLang="da-DK" sz="506" b="1" noProof="1">
              <a:latin typeface="+mn-lt"/>
              <a:cs typeface="Arial" panose="020B0604020202020204" pitchFamily="34" charset="0"/>
            </a:endParaRPr>
          </a:p>
          <a:p>
            <a:pPr eaLnBrk="1" fontAlgn="auto" hangingPunct="1">
              <a:spcBef>
                <a:spcPts val="675"/>
              </a:spcBef>
              <a:spcAft>
                <a:spcPts val="338"/>
              </a:spcAft>
              <a:defRPr/>
            </a:pPr>
            <a:r>
              <a:rPr lang="da-DK" sz="506" b="1" noProof="1">
                <a:latin typeface="+mn-lt"/>
                <a:cs typeface="Arial" panose="020B0604020202020204" pitchFamily="34" charset="0"/>
              </a:rPr>
              <a:t>Beskær billede</a:t>
            </a:r>
          </a:p>
          <a:p>
            <a:pPr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1. 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Klik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Beskær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 for at ændre billedets fokus/størrelse</a:t>
            </a:r>
          </a:p>
          <a:p>
            <a:pPr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2. 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Ønsker du at skalere billedet, så hold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SHIFT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-knappen nede, mens du trækker i billedets hjørner</a:t>
            </a:r>
          </a:p>
          <a:p>
            <a:pPr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br>
              <a:rPr lang="da-DK" altLang="da-DK" sz="506" noProof="1">
                <a:latin typeface="+mn-lt"/>
                <a:cs typeface="Arial" panose="020B0604020202020204" pitchFamily="34" charset="0"/>
              </a:rPr>
            </a:b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TIP: 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Hvis du sletter billedet og indsætter et nyt, kan billedet lægge sig foran tekst og grafik. Hvis dette sker, højreklik på billedet og vælg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Placer bagest</a:t>
            </a:r>
          </a:p>
          <a:p>
            <a:pPr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endParaRPr lang="da-DK" altLang="da-DK" sz="506" b="1" noProof="1">
              <a:latin typeface="+mn-lt"/>
              <a:cs typeface="Arial" panose="020B0604020202020204" pitchFamily="34" charset="0"/>
            </a:endParaRPr>
          </a:p>
          <a:p>
            <a:pPr defTabSz="514350"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sz="900" dirty="0">
                <a:latin typeface="+mn-lt"/>
                <a:cs typeface="Arial" panose="020B0604020202020204" pitchFamily="34" charset="0"/>
              </a:rPr>
              <a:t>HJÆLPELINJER</a:t>
            </a:r>
            <a:endParaRPr lang="da-DK" altLang="da-DK" sz="900" noProof="1">
              <a:latin typeface="+mn-lt"/>
              <a:cs typeface="Arial" panose="020B0604020202020204" pitchFamily="34" charset="0"/>
            </a:endParaRPr>
          </a:p>
          <a:p>
            <a:pPr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Klik på fanen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Vis 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og sæt hak ved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Hjælpelinjer</a:t>
            </a:r>
          </a:p>
          <a:p>
            <a:pPr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TIP: Alt + F9 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for hurtig visning af hjælpelinjer</a:t>
            </a:r>
            <a:br>
              <a:rPr lang="da-DK" altLang="da-DK" sz="506" noProof="1">
                <a:latin typeface="+mn-lt"/>
                <a:cs typeface="Arial" panose="020B0604020202020204" pitchFamily="34" charset="0"/>
              </a:rPr>
            </a:b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Mac: </a:t>
            </a:r>
            <a:r>
              <a:rPr lang="da-DK" sz="506" dirty="0">
                <a:solidFill>
                  <a:srgbClr val="333333"/>
                </a:solidFill>
                <a:latin typeface="Arial"/>
              </a:rPr>
              <a:t>⌘ 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+ option + ctrl + G</a:t>
            </a:r>
            <a:endParaRPr lang="da-DK" altLang="da-DK" sz="506" b="1" noProof="1">
              <a:latin typeface="+mn-lt"/>
              <a:cs typeface="Arial" panose="020B0604020202020204" pitchFamily="34" charset="0"/>
            </a:endParaRPr>
          </a:p>
        </p:txBody>
      </p:sp>
      <p:grpSp>
        <p:nvGrpSpPr>
          <p:cNvPr id="3" name="Gruppe 9">
            <a:extLst>
              <a:ext uri="{FF2B5EF4-FFF2-40B4-BE49-F238E27FC236}">
                <a16:creationId xmlns:a16="http://schemas.microsoft.com/office/drawing/2014/main" id="{7B7CE663-2A74-0D60-27A3-8D5B7902E52E}"/>
              </a:ext>
            </a:extLst>
          </p:cNvPr>
          <p:cNvGrpSpPr>
            <a:grpSpLocks/>
          </p:cNvGrpSpPr>
          <p:nvPr userDrawn="1"/>
        </p:nvGrpSpPr>
        <p:grpSpPr bwMode="auto">
          <a:xfrm>
            <a:off x="4011613" y="3100388"/>
            <a:ext cx="381000" cy="1773237"/>
            <a:chOff x="6442771" y="2574072"/>
            <a:chExt cx="676669" cy="997704"/>
          </a:xfrm>
        </p:grpSpPr>
        <p:pic>
          <p:nvPicPr>
            <p:cNvPr id="4" name="Billede 10">
              <a:extLst>
                <a:ext uri="{FF2B5EF4-FFF2-40B4-BE49-F238E27FC236}">
                  <a16:creationId xmlns:a16="http://schemas.microsoft.com/office/drawing/2014/main" id="{746F2A06-FFCC-D45C-EDDC-EA0532FD9E6F}"/>
                </a:ext>
              </a:extLst>
            </p:cNvPr>
            <p:cNvPicPr>
              <a:picLocks noChangeAspect="1" noChangeArrowheads="1"/>
            </p:cNvPicPr>
            <p:nvPr userDrawn="1"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442771" y="2574072"/>
              <a:ext cx="305786" cy="36585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5" name="Billede 4">
              <a:extLst>
                <a:ext uri="{FF2B5EF4-FFF2-40B4-BE49-F238E27FC236}">
                  <a16:creationId xmlns:a16="http://schemas.microsoft.com/office/drawing/2014/main" id="{BD4AD777-D179-89BC-47BA-865B37537FEC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3"/>
            <a:srcRect l="1432" t="16308" r="2422" b="1509"/>
            <a:stretch/>
          </p:blipFill>
          <p:spPr>
            <a:xfrm>
              <a:off x="6445590" y="2942963"/>
              <a:ext cx="673850" cy="628813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sp>
        <p:nvSpPr>
          <p:cNvPr id="6" name="Text Box 3">
            <a:extLst>
              <a:ext uri="{FF2B5EF4-FFF2-40B4-BE49-F238E27FC236}">
                <a16:creationId xmlns:a16="http://schemas.microsoft.com/office/drawing/2014/main" id="{9D15C291-3DA8-7067-111B-F1AED6B048B6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754563" y="2659063"/>
            <a:ext cx="1609725" cy="8304212"/>
          </a:xfrm>
          <a:prstGeom prst="rect">
            <a:avLst/>
          </a:prstGeom>
          <a:noFill/>
          <a:ln>
            <a:noFill/>
          </a:ln>
        </p:spPr>
        <p:txBody>
          <a:bodyPr lIns="0" tIns="0" rIns="81000" bIns="0"/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defTabSz="514350"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sz="900" dirty="0">
                <a:latin typeface="+mn-lt"/>
                <a:cs typeface="Arial" panose="020B0604020202020204" pitchFamily="34" charset="0"/>
              </a:rPr>
              <a:t>SIDEHOVED &amp; -FOD</a:t>
            </a:r>
            <a:endParaRPr lang="da-DK" altLang="da-DK" sz="900" noProof="1">
              <a:latin typeface="+mn-lt"/>
              <a:cs typeface="Arial" panose="020B0604020202020204" pitchFamily="34" charset="0"/>
            </a:endParaRPr>
          </a:p>
          <a:p>
            <a:pPr defTabSz="514350"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Gør dette som det sidste i din præsentation, så ændringerne slår igennem på alle slides</a:t>
            </a:r>
            <a:endParaRPr lang="da-DK" sz="506" b="1" noProof="1">
              <a:latin typeface="+mn-lt"/>
              <a:cs typeface="Arial" panose="020B0604020202020204" pitchFamily="34" charset="0"/>
            </a:endParaRPr>
          </a:p>
          <a:p>
            <a:pPr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Klik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Sidehoved og Sidefod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 i fanen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Indsæt</a:t>
            </a:r>
            <a:br>
              <a:rPr lang="da-DK" altLang="da-DK" sz="506" noProof="1">
                <a:latin typeface="+mn-lt"/>
                <a:cs typeface="Arial" panose="020B0604020202020204" pitchFamily="34" charset="0"/>
              </a:rPr>
            </a:b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(indtast evt.. Datoi dato feltet og tekst i sidefod) Vælg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Anvend på alle 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eller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Anvend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 hvis det kun skal være på et enkelt slide</a:t>
            </a:r>
          </a:p>
          <a:p>
            <a:pPr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endParaRPr lang="da-DK" altLang="da-DK" sz="506" noProof="1">
              <a:latin typeface="+mn-lt"/>
              <a:cs typeface="Arial" panose="020B0604020202020204" pitchFamily="34" charset="0"/>
            </a:endParaRPr>
          </a:p>
          <a:p>
            <a:pPr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altLang="da-DK" sz="900" noProof="1">
                <a:latin typeface="+mn-lt"/>
                <a:cs typeface="Arial" panose="020B0604020202020204" pitchFamily="34" charset="0"/>
              </a:rPr>
              <a:t>COPY/PASTE INDHOLD</a:t>
            </a:r>
          </a:p>
          <a:p>
            <a:pPr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Du har 2 muligheder, når du kopierer gammelt indhold over i din nye præsentation:</a:t>
            </a:r>
          </a:p>
          <a:p>
            <a:pPr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1. Best practice: 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Opret et slide i din nye præsentation og kopier ét indholdselement ad gangen (fx kopier al tekst fra én tekstboks)</a:t>
            </a:r>
          </a:p>
          <a:p>
            <a:pPr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2. 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Eller kopier et helt slide over i din nye præsentation og vælg derefter et passende layout . Husk at slette de gamle, forkerte layouts (gå i Vis &gt; Slidemaster og slet dem)</a:t>
            </a:r>
          </a:p>
          <a:p>
            <a:pPr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endParaRPr lang="da-DK" altLang="da-DK" sz="506" noProof="1">
              <a:latin typeface="+mn-lt"/>
              <a:cs typeface="Arial" panose="020B0604020202020204" pitchFamily="34" charset="0"/>
            </a:endParaRPr>
          </a:p>
          <a:p>
            <a:pPr defTabSz="514350"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sz="900" dirty="0">
                <a:latin typeface="+mn-lt"/>
                <a:cs typeface="Arial" panose="020B0604020202020204" pitchFamily="34" charset="0"/>
              </a:rPr>
              <a:t>SLIDES &amp; SLIDE ELEMENTS</a:t>
            </a:r>
            <a:endParaRPr lang="da-DK" altLang="da-DK" sz="900" noProof="1">
              <a:latin typeface="+mn-lt"/>
              <a:cs typeface="Arial" panose="020B0604020202020204" pitchFamily="34" charset="0"/>
            </a:endParaRPr>
          </a:p>
          <a:p>
            <a:pPr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Indsæt prædefineret slides og elementer </a:t>
            </a:r>
            <a:br>
              <a:rPr lang="da-DK" altLang="da-DK" sz="506" noProof="1">
                <a:latin typeface="+mn-lt"/>
                <a:cs typeface="Arial" panose="020B0604020202020204" pitchFamily="34" charset="0"/>
              </a:rPr>
            </a:b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fra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Templafy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 knappen. Vælg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Slides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 og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Slide elements 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fra dropdown menuen eller </a:t>
            </a:r>
            <a:br>
              <a:rPr lang="da-DK" altLang="da-DK" sz="506" noProof="1">
                <a:latin typeface="+mn-lt"/>
                <a:cs typeface="Arial" panose="020B0604020202020204" pitchFamily="34" charset="0"/>
              </a:rPr>
            </a:b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knapperne i Templafy vinduet i højre side </a:t>
            </a:r>
            <a:br>
              <a:rPr lang="da-DK" altLang="da-DK" sz="506" noProof="1">
                <a:latin typeface="+mn-lt"/>
                <a:cs typeface="Arial" panose="020B0604020202020204" pitchFamily="34" charset="0"/>
              </a:rPr>
            </a:b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af skærmen</a:t>
            </a:r>
          </a:p>
          <a:p>
            <a:pPr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endParaRPr lang="da-DK" altLang="da-DK" sz="506" noProof="1">
              <a:latin typeface="+mn-lt"/>
              <a:cs typeface="Arial" panose="020B0604020202020204" pitchFamily="34" charset="0"/>
            </a:endParaRPr>
          </a:p>
        </p:txBody>
      </p:sp>
      <p:sp>
        <p:nvSpPr>
          <p:cNvPr id="7" name="Text Box 2">
            <a:extLst>
              <a:ext uri="{FF2B5EF4-FFF2-40B4-BE49-F238E27FC236}">
                <a16:creationId xmlns:a16="http://schemas.microsoft.com/office/drawing/2014/main" id="{67169A98-D540-D29D-6670-9BA45B6D52E8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03213" y="2638425"/>
            <a:ext cx="1558925" cy="8324850"/>
          </a:xfrm>
          <a:prstGeom prst="rect">
            <a:avLst/>
          </a:prstGeom>
          <a:noFill/>
          <a:ln>
            <a:noFill/>
          </a:ln>
        </p:spPr>
        <p:txBody>
          <a:bodyPr lIns="0" tIns="0" rIns="81000" bIns="0"/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defTabSz="514350"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sz="900" dirty="0">
                <a:latin typeface="+mn-lt"/>
                <a:cs typeface="Arial" panose="020B0604020202020204" pitchFamily="34" charset="0"/>
              </a:rPr>
              <a:t>TYPOGRAFIER</a:t>
            </a:r>
            <a:endParaRPr lang="da-DK" altLang="da-DK" sz="900" noProof="1">
              <a:latin typeface="+mn-lt"/>
              <a:cs typeface="Arial" panose="020B0604020202020204" pitchFamily="34" charset="0"/>
            </a:endParaRPr>
          </a:p>
          <a:p>
            <a:pPr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Brug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 TAB 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for at gå frem i tekst-niveauer. Klik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ENTER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, derefter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TAB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 for at skifte fra et niveau til et næste</a:t>
            </a:r>
          </a:p>
          <a:p>
            <a:pPr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For at gå tilbage i tekst-niveauer, brug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SHIFT+TAB</a:t>
            </a:r>
            <a:endParaRPr lang="da-DK" altLang="da-DK" sz="506" noProof="1">
              <a:latin typeface="+mn-lt"/>
              <a:cs typeface="Arial" panose="020B0604020202020204" pitchFamily="34" charset="0"/>
            </a:endParaRPr>
          </a:p>
          <a:p>
            <a:pPr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Alternativt kan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Forøg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 og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Formindsk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 listeniveau bruges</a:t>
            </a:r>
            <a:br>
              <a:rPr lang="da-DK" altLang="da-DK" sz="506" noProof="1">
                <a:latin typeface="+mn-lt"/>
                <a:cs typeface="Arial" panose="020B0604020202020204" pitchFamily="34" charset="0"/>
              </a:rPr>
            </a:br>
            <a:endParaRPr lang="da-DK" altLang="da-DK" sz="506" noProof="1">
              <a:latin typeface="+mn-lt"/>
              <a:cs typeface="Arial" panose="020B0604020202020204" pitchFamily="34" charset="0"/>
            </a:endParaRPr>
          </a:p>
          <a:p>
            <a:pPr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sz="506" b="1" noProof="1">
                <a:latin typeface="+mn-lt"/>
                <a:cs typeface="Arial" panose="020B0604020202020204" pitchFamily="34" charset="0"/>
              </a:rPr>
              <a:t>TIP: Brug bullet knappen</a:t>
            </a:r>
          </a:p>
          <a:p>
            <a:pPr defTabSz="514350"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Fjern bullet for almindelig tekst.</a:t>
            </a:r>
            <a:br>
              <a:rPr lang="da-DK" altLang="da-DK" sz="506" noProof="1">
                <a:latin typeface="+mn-lt"/>
                <a:cs typeface="Arial" panose="020B0604020202020204" pitchFamily="34" charset="0"/>
              </a:rPr>
            </a:b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Klik på bullet knappen for at sætte korrekt bullet igen.</a:t>
            </a:r>
            <a:br>
              <a:rPr lang="da-DK" altLang="da-DK" sz="506" noProof="1">
                <a:latin typeface="+mn-lt"/>
                <a:cs typeface="Arial" panose="020B0604020202020204" pitchFamily="34" charset="0"/>
              </a:rPr>
            </a:br>
            <a:br>
              <a:rPr lang="da-DK" altLang="da-DK" sz="506" b="1" noProof="1">
                <a:latin typeface="+mn-lt"/>
                <a:cs typeface="Arial" panose="020B0604020202020204" pitchFamily="34" charset="0"/>
              </a:rPr>
            </a:br>
            <a:r>
              <a:rPr lang="da-DK" sz="900" dirty="0">
                <a:latin typeface="+mn-lt"/>
                <a:cs typeface="Arial" panose="020B0604020202020204" pitchFamily="34" charset="0"/>
              </a:rPr>
              <a:t>SLIDES &amp; LAYOUTS</a:t>
            </a:r>
            <a:br>
              <a:rPr lang="da-DK" altLang="da-DK" sz="506" b="1" noProof="1">
                <a:latin typeface="+mn-lt"/>
                <a:cs typeface="Arial" panose="020B0604020202020204" pitchFamily="34" charset="0"/>
              </a:rPr>
            </a:br>
            <a:br>
              <a:rPr lang="da-DK" altLang="da-DK" sz="506" b="1" noProof="1">
                <a:latin typeface="+mn-lt"/>
                <a:cs typeface="Arial" panose="020B0604020202020204" pitchFamily="34" charset="0"/>
              </a:rPr>
            </a:b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Klik på menupunktet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Nyt Slide 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i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Hjem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 fanen for at indsætte nyt slide</a:t>
            </a:r>
            <a:br>
              <a:rPr lang="da-DK" altLang="da-DK" sz="506" noProof="1">
                <a:latin typeface="+mn-lt"/>
                <a:cs typeface="Arial" panose="020B0604020202020204" pitchFamily="34" charset="0"/>
              </a:rPr>
            </a:br>
            <a:br>
              <a:rPr lang="da-DK" altLang="da-DK" sz="506" noProof="1">
                <a:latin typeface="+mn-lt"/>
                <a:cs typeface="Arial" panose="020B0604020202020204" pitchFamily="34" charset="0"/>
              </a:rPr>
            </a:b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Ændre layout</a:t>
            </a:r>
            <a:endParaRPr lang="da-DK" altLang="da-DK" sz="506" noProof="1">
              <a:latin typeface="+mn-lt"/>
              <a:cs typeface="Arial" panose="020B0604020202020204" pitchFamily="34" charset="0"/>
            </a:endParaRPr>
          </a:p>
          <a:p>
            <a:pPr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Klik på pilen ved siden af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Layout 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for at få vist en dropdown menu af mulige slides layout</a:t>
            </a:r>
            <a:br>
              <a:rPr lang="da-DK" altLang="da-DK" sz="506" noProof="1">
                <a:latin typeface="+mn-lt"/>
                <a:cs typeface="Arial" panose="020B0604020202020204" pitchFamily="34" charset="0"/>
              </a:rPr>
            </a:br>
            <a:br>
              <a:rPr lang="da-DK" altLang="da-DK" sz="506" noProof="1">
                <a:latin typeface="+mn-lt"/>
                <a:cs typeface="Arial" panose="020B0604020202020204" pitchFamily="34" charset="0"/>
              </a:rPr>
            </a:br>
            <a:r>
              <a:rPr lang="da-DK" sz="506" b="1" noProof="1">
                <a:latin typeface="+mn-lt"/>
                <a:cs typeface="Arial" panose="020B0604020202020204" pitchFamily="34" charset="0"/>
              </a:rPr>
              <a:t>Nulstil slide</a:t>
            </a:r>
          </a:p>
          <a:p>
            <a:pPr defTabSz="514350" eaLnBrk="1" fontAlgn="auto" hangingPunct="1">
              <a:spcBef>
                <a:spcPts val="0"/>
              </a:spcBef>
              <a:spcAft>
                <a:spcPts val="338"/>
              </a:spcAft>
              <a:buFont typeface="+mj-lt"/>
              <a:buNone/>
              <a:defRPr/>
            </a:pP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1. 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Klik på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Hjem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 knappen</a:t>
            </a:r>
          </a:p>
          <a:p>
            <a:pPr defTabSz="514350" eaLnBrk="1" fontAlgn="auto" hangingPunct="1">
              <a:spcBef>
                <a:spcPts val="0"/>
              </a:spcBef>
              <a:spcAft>
                <a:spcPts val="338"/>
              </a:spcAft>
              <a:buFont typeface="+mj-lt"/>
              <a:buNone/>
              <a:defRPr/>
            </a:pP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2. 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Vælg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Nulstil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 for at nulstille placering, størrelse og formatering af pladsholdere til layoutets oprindelige design i </a:t>
            </a:r>
            <a:r>
              <a:rPr lang="da-DK" altLang="da-DK" sz="506" b="1" noProof="1">
                <a:latin typeface="+mn-lt"/>
                <a:cs typeface="Arial" panose="020B0604020202020204" pitchFamily="34" charset="0"/>
              </a:rPr>
              <a:t>Hjem</a:t>
            </a:r>
            <a:r>
              <a:rPr lang="da-DK" altLang="da-DK" sz="506" noProof="1">
                <a:latin typeface="+mn-lt"/>
                <a:cs typeface="Arial" panose="020B0604020202020204" pitchFamily="34" charset="0"/>
              </a:rPr>
              <a:t> fanen</a:t>
            </a:r>
            <a:endParaRPr lang="da-DK" sz="506" b="1" noProof="1">
              <a:latin typeface="+mn-lt"/>
              <a:cs typeface="Arial" panose="020B0604020202020204" pitchFamily="34" charset="0"/>
            </a:endParaRPr>
          </a:p>
          <a:p>
            <a:pPr eaLnBrk="1" fontAlgn="auto" hangingPunct="1">
              <a:spcBef>
                <a:spcPts val="0"/>
              </a:spcBef>
              <a:spcAft>
                <a:spcPts val="338"/>
              </a:spcAft>
              <a:defRPr/>
            </a:pPr>
            <a:endParaRPr lang="da-DK" altLang="da-DK" sz="506" noProof="1">
              <a:latin typeface="+mn-lt"/>
              <a:cs typeface="Arial" panose="020B0604020202020204" pitchFamily="34" charset="0"/>
            </a:endParaRPr>
          </a:p>
        </p:txBody>
      </p:sp>
      <p:pic>
        <p:nvPicPr>
          <p:cNvPr id="8" name="Picture 2">
            <a:extLst>
              <a:ext uri="{FF2B5EF4-FFF2-40B4-BE49-F238E27FC236}">
                <a16:creationId xmlns:a16="http://schemas.microsoft.com/office/drawing/2014/main" id="{944B9A74-E43F-C79D-1238-ECB61751EECE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855788" y="5734050"/>
            <a:ext cx="144462" cy="508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9" name="Picture 29">
            <a:extLst>
              <a:ext uri="{FF2B5EF4-FFF2-40B4-BE49-F238E27FC236}">
                <a16:creationId xmlns:a16="http://schemas.microsoft.com/office/drawing/2014/main" id="{BB3528C2-FCA7-1F40-AFE8-0E0F57CF64D9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855788" y="4416425"/>
            <a:ext cx="257175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" name="Billede 16">
            <a:extLst>
              <a:ext uri="{FF2B5EF4-FFF2-40B4-BE49-F238E27FC236}">
                <a16:creationId xmlns:a16="http://schemas.microsoft.com/office/drawing/2014/main" id="{800D6BD8-0F86-D895-131A-79B4A6849927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855788" y="7318375"/>
            <a:ext cx="173037" cy="9382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1" name="Billede 17">
            <a:extLst>
              <a:ext uri="{FF2B5EF4-FFF2-40B4-BE49-F238E27FC236}">
                <a16:creationId xmlns:a16="http://schemas.microsoft.com/office/drawing/2014/main" id="{8FC5B89E-29CD-6D04-2C72-BEBA74C552FD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030"/>
          <a:stretch>
            <a:fillRect/>
          </a:stretch>
        </p:blipFill>
        <p:spPr bwMode="auto">
          <a:xfrm>
            <a:off x="1855788" y="10188575"/>
            <a:ext cx="279400" cy="3063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2" name="Picture 33">
            <a:extLst>
              <a:ext uri="{FF2B5EF4-FFF2-40B4-BE49-F238E27FC236}">
                <a16:creationId xmlns:a16="http://schemas.microsoft.com/office/drawing/2014/main" id="{20EF14A6-A8F3-FC99-C301-2C39BC2F9D4B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902" t="45142" r="62601" b="9045"/>
          <a:stretch>
            <a:fillRect/>
          </a:stretch>
        </p:blipFill>
        <p:spPr bwMode="auto">
          <a:xfrm>
            <a:off x="4011613" y="5310188"/>
            <a:ext cx="192087" cy="5715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3" name="Billede 19">
            <a:extLst>
              <a:ext uri="{FF2B5EF4-FFF2-40B4-BE49-F238E27FC236}">
                <a16:creationId xmlns:a16="http://schemas.microsoft.com/office/drawing/2014/main" id="{F280A21F-68C5-4E53-51ED-1E383374A9BC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035425" y="6586538"/>
            <a:ext cx="204788" cy="8540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4" name="Fast overskrift">
            <a:extLst>
              <a:ext uri="{FF2B5EF4-FFF2-40B4-BE49-F238E27FC236}">
                <a16:creationId xmlns:a16="http://schemas.microsoft.com/office/drawing/2014/main" id="{44334919-0936-223B-4222-14185A6D15B6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03213" y="796925"/>
            <a:ext cx="6249987" cy="11572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/>
          <a:lstStyle>
            <a:lvl1pPr>
              <a:defRPr>
                <a:solidFill>
                  <a:schemeClr val="tx1"/>
                </a:solidFill>
                <a:latin typeface="Djoef Offc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Djoef Offc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Djoef Offc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Djoef Offc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Djoef Offc" charset="0"/>
              </a:defRPr>
            </a:lvl5pPr>
            <a:lvl6pPr marL="25146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6pPr>
            <a:lvl7pPr marL="29718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7pPr>
            <a:lvl8pPr marL="34290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8pPr>
            <a:lvl9pPr marL="38862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9pPr>
          </a:lstStyle>
          <a:p>
            <a:pPr eaLnBrk="1" hangingPunct="1"/>
            <a:r>
              <a:rPr lang="da-DK" altLang="da-DK" noProof="1">
                <a:cs typeface="Arial" panose="020B0604020202020204" pitchFamily="34" charset="0"/>
              </a:rPr>
              <a:t>TIPS &amp; TRICKS - DIN BRUGERGUIDE</a:t>
            </a:r>
          </a:p>
        </p:txBody>
      </p:sp>
      <p:pic>
        <p:nvPicPr>
          <p:cNvPr id="15" name="Picture 2" descr="C:\Users\MAV~1.SKA\AppData\Local\Temp\SNAGHTMLe48c1e.PNG">
            <a:extLst>
              <a:ext uri="{FF2B5EF4-FFF2-40B4-BE49-F238E27FC236}">
                <a16:creationId xmlns:a16="http://schemas.microsoft.com/office/drawing/2014/main" id="{79E8A500-6E72-DF8C-6FF3-0E7EA72D4515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183313" y="9224963"/>
            <a:ext cx="366712" cy="17319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6" name="Picture 36">
            <a:extLst>
              <a:ext uri="{FF2B5EF4-FFF2-40B4-BE49-F238E27FC236}">
                <a16:creationId xmlns:a16="http://schemas.microsoft.com/office/drawing/2014/main" id="{EC0F2391-AFE6-516B-A159-23A87CD7CBC3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855788" y="8566150"/>
            <a:ext cx="268287" cy="3143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7" name="Billede 23">
            <a:extLst>
              <a:ext uri="{FF2B5EF4-FFF2-40B4-BE49-F238E27FC236}">
                <a16:creationId xmlns:a16="http://schemas.microsoft.com/office/drawing/2014/main" id="{9532606B-827B-7602-F04E-660147C861E5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313488" y="3644900"/>
            <a:ext cx="247650" cy="9667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8" name="Picture 2">
            <a:extLst>
              <a:ext uri="{FF2B5EF4-FFF2-40B4-BE49-F238E27FC236}">
                <a16:creationId xmlns:a16="http://schemas.microsoft.com/office/drawing/2014/main" id="{CEE69428-C626-EC83-F9BA-A85849ED9346}"/>
              </a:ext>
            </a:extLst>
          </p:cNvPr>
          <p:cNvPicPr>
            <a:picLocks noChangeAspect="1"/>
          </p:cNvPicPr>
          <p:nvPr userDrawn="1"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732" t="22816" r="10716" b="3580"/>
          <a:stretch>
            <a:fillRect/>
          </a:stretch>
        </p:blipFill>
        <p:spPr bwMode="auto">
          <a:xfrm>
            <a:off x="4227513" y="3190875"/>
            <a:ext cx="138112" cy="469900"/>
          </a:xfrm>
          <a:prstGeom prst="rect">
            <a:avLst/>
          </a:prstGeom>
          <a:noFill/>
          <a:ln w="9525">
            <a:solidFill>
              <a:schemeClr val="bg2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9" name="Date Placeholder 6" hidden="1">
            <a:extLst>
              <a:ext uri="{FF2B5EF4-FFF2-40B4-BE49-F238E27FC236}">
                <a16:creationId xmlns:a16="http://schemas.microsoft.com/office/drawing/2014/main" id="{715731C3-86F3-9C31-DF19-89D76B20096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12192000"/>
            <a:ext cx="0" cy="0"/>
          </a:xfrm>
        </p:spPr>
        <p:txBody>
          <a:bodyPr/>
          <a:lstStyle>
            <a:lvl1pPr>
              <a:defRPr sz="100" smtClean="0">
                <a:noFill/>
              </a:defRPr>
            </a:lvl1pPr>
          </a:lstStyle>
          <a:p>
            <a:pPr>
              <a:defRPr/>
            </a:pPr>
            <a:fld id="{70EBCD08-25F5-4430-B9D4-7E2C7C293762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20" name="Footer Placeholder 8" hidden="1">
            <a:extLst>
              <a:ext uri="{FF2B5EF4-FFF2-40B4-BE49-F238E27FC236}">
                <a16:creationId xmlns:a16="http://schemas.microsoft.com/office/drawing/2014/main" id="{D5795A07-9BBD-F839-8902-A972B7DFA8C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12192000"/>
            <a:ext cx="0" cy="0"/>
          </a:xfrm>
        </p:spPr>
        <p:txBody>
          <a:bodyPr/>
          <a:lstStyle>
            <a:lvl1pPr>
              <a:defRPr sz="100" dirty="0">
                <a:noFill/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21" name="Slide Number Placeholder 10" hidden="1">
            <a:extLst>
              <a:ext uri="{FF2B5EF4-FFF2-40B4-BE49-F238E27FC236}">
                <a16:creationId xmlns:a16="http://schemas.microsoft.com/office/drawing/2014/main" id="{6CF23F37-8442-1876-E31C-5AFF0C7C515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12192000"/>
            <a:ext cx="0" cy="0"/>
          </a:xfrm>
        </p:spPr>
        <p:txBody>
          <a:bodyPr/>
          <a:lstStyle>
            <a:lvl1pPr>
              <a:defRPr sz="100" smtClean="0">
                <a:noFill/>
              </a:defRPr>
            </a:lvl1pPr>
          </a:lstStyle>
          <a:p>
            <a:pPr>
              <a:defRPr/>
            </a:pPr>
            <a:fld id="{B9475788-9118-44C4-B001-94B16C2C5540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8767132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genda A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ggrund">
            <a:extLst>
              <a:ext uri="{FF2B5EF4-FFF2-40B4-BE49-F238E27FC236}">
                <a16:creationId xmlns:a16="http://schemas.microsoft.com/office/drawing/2014/main" id="{7D4DDDCC-413B-6229-FFEE-4123B4CBAD57}"/>
              </a:ext>
            </a:extLst>
          </p:cNvPr>
          <p:cNvSpPr/>
          <p:nvPr/>
        </p:nvSpPr>
        <p:spPr bwMode="ltGray">
          <a:xfrm>
            <a:off x="0" y="0"/>
            <a:ext cx="6858000" cy="12192000"/>
          </a:xfrm>
          <a:custGeom>
            <a:avLst/>
            <a:gdLst>
              <a:gd name="connsiteX0" fmla="*/ 0 w 10572750"/>
              <a:gd name="connsiteY0" fmla="*/ 0 h 10287000"/>
              <a:gd name="connsiteX1" fmla="*/ 10572750 w 10572750"/>
              <a:gd name="connsiteY1" fmla="*/ 0 h 10287000"/>
              <a:gd name="connsiteX2" fmla="*/ 10572750 w 10572750"/>
              <a:gd name="connsiteY2" fmla="*/ 10287000 h 10287000"/>
              <a:gd name="connsiteX3" fmla="*/ 0 w 10572750"/>
              <a:gd name="connsiteY3" fmla="*/ 10287000 h 10287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572750" h="10287000">
                <a:moveTo>
                  <a:pt x="0" y="0"/>
                </a:moveTo>
                <a:lnTo>
                  <a:pt x="10572750" y="0"/>
                </a:lnTo>
                <a:lnTo>
                  <a:pt x="10572750" y="10287000"/>
                </a:lnTo>
                <a:lnTo>
                  <a:pt x="0" y="10287000"/>
                </a:lnTo>
                <a:close/>
              </a:path>
            </a:pathLst>
          </a:custGeom>
          <a:solidFill>
            <a:schemeClr val="accent1"/>
          </a:solidFill>
          <a:ln w="9525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sp>
        <p:nvSpPr>
          <p:cNvPr id="4" name="Freeform: Shape 16">
            <a:extLst>
              <a:ext uri="{FF2B5EF4-FFF2-40B4-BE49-F238E27FC236}">
                <a16:creationId xmlns:a16="http://schemas.microsoft.com/office/drawing/2014/main" id="{9D6ABB65-F5A6-B2BA-2FF7-C1E8CDF417C7}"/>
              </a:ext>
            </a:extLst>
          </p:cNvPr>
          <p:cNvSpPr/>
          <p:nvPr userDrawn="1"/>
        </p:nvSpPr>
        <p:spPr bwMode="white">
          <a:xfrm>
            <a:off x="6197600" y="639763"/>
            <a:ext cx="355600" cy="635000"/>
          </a:xfrm>
          <a:custGeom>
            <a:avLst/>
            <a:gdLst>
              <a:gd name="connsiteX0" fmla="*/ 3991223 w 5553123"/>
              <a:gd name="connsiteY0" fmla="*/ 1407246 h 3128654"/>
              <a:gd name="connsiteX1" fmla="*/ 3430346 w 5553123"/>
              <a:gd name="connsiteY1" fmla="*/ 1968030 h 3128654"/>
              <a:gd name="connsiteX2" fmla="*/ 3597555 w 5553123"/>
              <a:gd name="connsiteY2" fmla="*/ 1999879 h 3128654"/>
              <a:gd name="connsiteX3" fmla="*/ 4017277 w 5553123"/>
              <a:gd name="connsiteY3" fmla="*/ 1565700 h 3128654"/>
              <a:gd name="connsiteX4" fmla="*/ 4017243 w 5553123"/>
              <a:gd name="connsiteY4" fmla="*/ 1565803 h 3128654"/>
              <a:gd name="connsiteX5" fmla="*/ 3991223 w 5553123"/>
              <a:gd name="connsiteY5" fmla="*/ 1407246 h 3128654"/>
              <a:gd name="connsiteX6" fmla="*/ 3597692 w 5553123"/>
              <a:gd name="connsiteY6" fmla="*/ 1131487 h 3128654"/>
              <a:gd name="connsiteX7" fmla="*/ 3172031 w 5553123"/>
              <a:gd name="connsiteY7" fmla="*/ 1565700 h 3128654"/>
              <a:gd name="connsiteX8" fmla="*/ 3171997 w 5553123"/>
              <a:gd name="connsiteY8" fmla="*/ 1565803 h 3128654"/>
              <a:gd name="connsiteX9" fmla="*/ 3197296 w 5553123"/>
              <a:gd name="connsiteY9" fmla="*/ 1722061 h 3128654"/>
              <a:gd name="connsiteX10" fmla="*/ 3757830 w 5553123"/>
              <a:gd name="connsiteY10" fmla="*/ 1161723 h 3128654"/>
              <a:gd name="connsiteX11" fmla="*/ 3597692 w 5553123"/>
              <a:gd name="connsiteY11" fmla="*/ 1131487 h 3128654"/>
              <a:gd name="connsiteX12" fmla="*/ 2205438 w 5553123"/>
              <a:gd name="connsiteY12" fmla="*/ 837298 h 3128654"/>
              <a:gd name="connsiteX13" fmla="*/ 2590180 w 5553123"/>
              <a:gd name="connsiteY13" fmla="*/ 837298 h 3128654"/>
              <a:gd name="connsiteX14" fmla="*/ 2590180 w 5553123"/>
              <a:gd name="connsiteY14" fmla="*/ 2548651 h 3128654"/>
              <a:gd name="connsiteX15" fmla="*/ 2015984 w 5553123"/>
              <a:gd name="connsiteY15" fmla="*/ 3128654 h 3128654"/>
              <a:gd name="connsiteX16" fmla="*/ 1756572 w 5553123"/>
              <a:gd name="connsiteY16" fmla="*/ 3073262 h 3128654"/>
              <a:gd name="connsiteX17" fmla="*/ 1844038 w 5553123"/>
              <a:gd name="connsiteY17" fmla="*/ 2761571 h 3128654"/>
              <a:gd name="connsiteX18" fmla="*/ 1989724 w 5553123"/>
              <a:gd name="connsiteY18" fmla="*/ 2787791 h 3128654"/>
              <a:gd name="connsiteX19" fmla="*/ 2205438 w 5553123"/>
              <a:gd name="connsiteY19" fmla="*/ 2548857 h 3128654"/>
              <a:gd name="connsiteX20" fmla="*/ 4139105 w 5553123"/>
              <a:gd name="connsiteY20" fmla="*/ 780499 h 3128654"/>
              <a:gd name="connsiteX21" fmla="*/ 4378642 w 5553123"/>
              <a:gd name="connsiteY21" fmla="*/ 1020017 h 3128654"/>
              <a:gd name="connsiteX22" fmla="*/ 4263474 w 5553123"/>
              <a:gd name="connsiteY22" fmla="*/ 1135365 h 3128654"/>
              <a:gd name="connsiteX23" fmla="*/ 4390485 w 5553123"/>
              <a:gd name="connsiteY23" fmla="*/ 1565769 h 3128654"/>
              <a:gd name="connsiteX24" fmla="*/ 3597520 w 5553123"/>
              <a:gd name="connsiteY24" fmla="*/ 2335080 h 3128654"/>
              <a:gd name="connsiteX25" fmla="*/ 3173748 w 5553123"/>
              <a:gd name="connsiteY25" fmla="*/ 2224604 h 3128654"/>
              <a:gd name="connsiteX26" fmla="*/ 3050169 w 5553123"/>
              <a:gd name="connsiteY26" fmla="*/ 2348155 h 3128654"/>
              <a:gd name="connsiteX27" fmla="*/ 2810563 w 5553123"/>
              <a:gd name="connsiteY27" fmla="*/ 2108707 h 3128654"/>
              <a:gd name="connsiteX28" fmla="*/ 2925320 w 5553123"/>
              <a:gd name="connsiteY28" fmla="*/ 1993976 h 3128654"/>
              <a:gd name="connsiteX29" fmla="*/ 2798892 w 5553123"/>
              <a:gd name="connsiteY29" fmla="*/ 1565838 h 3128654"/>
              <a:gd name="connsiteX30" fmla="*/ 3597486 w 5553123"/>
              <a:gd name="connsiteY30" fmla="*/ 793644 h 3128654"/>
              <a:gd name="connsiteX31" fmla="*/ 4015526 w 5553123"/>
              <a:gd name="connsiteY31" fmla="*/ 904050 h 3128654"/>
              <a:gd name="connsiteX32" fmla="*/ 396379 w 5553123"/>
              <a:gd name="connsiteY32" fmla="*/ 435140 h 3128654"/>
              <a:gd name="connsiteX33" fmla="*/ 396379 w 5553123"/>
              <a:gd name="connsiteY33" fmla="*/ 1932956 h 3128654"/>
              <a:gd name="connsiteX34" fmla="*/ 846344 w 5553123"/>
              <a:gd name="connsiteY34" fmla="*/ 1932956 h 3128654"/>
              <a:gd name="connsiteX35" fmla="*/ 1601274 w 5553123"/>
              <a:gd name="connsiteY35" fmla="*/ 1184065 h 3128654"/>
              <a:gd name="connsiteX36" fmla="*/ 846344 w 5553123"/>
              <a:gd name="connsiteY36" fmla="*/ 435140 h 3128654"/>
              <a:gd name="connsiteX37" fmla="*/ 0 w 5553123"/>
              <a:gd name="connsiteY37" fmla="*/ 76739 h 3128654"/>
              <a:gd name="connsiteX38" fmla="*/ 820049 w 5553123"/>
              <a:gd name="connsiteY38" fmla="*/ 76739 h 3128654"/>
              <a:gd name="connsiteX39" fmla="*/ 2000502 w 5553123"/>
              <a:gd name="connsiteY39" fmla="*/ 1184065 h 3128654"/>
              <a:gd name="connsiteX40" fmla="*/ 820049 w 5553123"/>
              <a:gd name="connsiteY40" fmla="*/ 2291391 h 3128654"/>
              <a:gd name="connsiteX41" fmla="*/ 0 w 5553123"/>
              <a:gd name="connsiteY41" fmla="*/ 2291391 h 3128654"/>
              <a:gd name="connsiteX42" fmla="*/ 5214998 w 5553123"/>
              <a:gd name="connsiteY42" fmla="*/ 0 h 3128654"/>
              <a:gd name="connsiteX43" fmla="*/ 5474410 w 5553123"/>
              <a:gd name="connsiteY43" fmla="*/ 55393 h 3128654"/>
              <a:gd name="connsiteX44" fmla="*/ 5386944 w 5553123"/>
              <a:gd name="connsiteY44" fmla="*/ 367187 h 3128654"/>
              <a:gd name="connsiteX45" fmla="*/ 5241258 w 5553123"/>
              <a:gd name="connsiteY45" fmla="*/ 340932 h 3128654"/>
              <a:gd name="connsiteX46" fmla="*/ 5025544 w 5553123"/>
              <a:gd name="connsiteY46" fmla="*/ 579901 h 3128654"/>
              <a:gd name="connsiteX47" fmla="*/ 5025544 w 5553123"/>
              <a:gd name="connsiteY47" fmla="*/ 837299 h 3128654"/>
              <a:gd name="connsiteX48" fmla="*/ 5553123 w 5553123"/>
              <a:gd name="connsiteY48" fmla="*/ 837402 h 3128654"/>
              <a:gd name="connsiteX49" fmla="*/ 5553123 w 5553123"/>
              <a:gd name="connsiteY49" fmla="*/ 1152113 h 3128654"/>
              <a:gd name="connsiteX50" fmla="*/ 5025544 w 5553123"/>
              <a:gd name="connsiteY50" fmla="*/ 1152113 h 3128654"/>
              <a:gd name="connsiteX51" fmla="*/ 5025544 w 5553123"/>
              <a:gd name="connsiteY51" fmla="*/ 2291528 h 3128654"/>
              <a:gd name="connsiteX52" fmla="*/ 4640802 w 5553123"/>
              <a:gd name="connsiteY52" fmla="*/ 2291528 h 3128654"/>
              <a:gd name="connsiteX53" fmla="*/ 4640802 w 5553123"/>
              <a:gd name="connsiteY53" fmla="*/ 1152113 h 3128654"/>
              <a:gd name="connsiteX54" fmla="*/ 4423612 w 5553123"/>
              <a:gd name="connsiteY54" fmla="*/ 1152113 h 3128654"/>
              <a:gd name="connsiteX55" fmla="*/ 4423612 w 5553123"/>
              <a:gd name="connsiteY55" fmla="*/ 837402 h 3128654"/>
              <a:gd name="connsiteX56" fmla="*/ 4640802 w 5553123"/>
              <a:gd name="connsiteY56" fmla="*/ 837402 h 3128654"/>
              <a:gd name="connsiteX57" fmla="*/ 4640802 w 5553123"/>
              <a:gd name="connsiteY57" fmla="*/ 580004 h 3128654"/>
              <a:gd name="connsiteX58" fmla="*/ 5214998 w 5553123"/>
              <a:gd name="connsiteY58" fmla="*/ 0 h 31286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5553123" h="3128654">
                <a:moveTo>
                  <a:pt x="3991223" y="1407246"/>
                </a:moveTo>
                <a:lnTo>
                  <a:pt x="3430346" y="1968030"/>
                </a:lnTo>
                <a:cubicBezTo>
                  <a:pt x="3483553" y="1989213"/>
                  <a:pt x="3540297" y="2000023"/>
                  <a:pt x="3597555" y="1999879"/>
                </a:cubicBezTo>
                <a:cubicBezTo>
                  <a:pt x="3819070" y="1999879"/>
                  <a:pt x="4017277" y="1836826"/>
                  <a:pt x="4017277" y="1565700"/>
                </a:cubicBezTo>
                <a:lnTo>
                  <a:pt x="4017243" y="1565803"/>
                </a:lnTo>
                <a:cubicBezTo>
                  <a:pt x="4017518" y="1511866"/>
                  <a:pt x="4008729" y="1458269"/>
                  <a:pt x="3991223" y="1407246"/>
                </a:cubicBezTo>
                <a:close/>
                <a:moveTo>
                  <a:pt x="3597692" y="1131487"/>
                </a:moveTo>
                <a:cubicBezTo>
                  <a:pt x="3370204" y="1131487"/>
                  <a:pt x="3172031" y="1294574"/>
                  <a:pt x="3172031" y="1565700"/>
                </a:cubicBezTo>
                <a:lnTo>
                  <a:pt x="3171997" y="1565803"/>
                </a:lnTo>
                <a:cubicBezTo>
                  <a:pt x="3171757" y="1618927"/>
                  <a:pt x="3180304" y="1671724"/>
                  <a:pt x="3197296" y="1722061"/>
                </a:cubicBezTo>
                <a:lnTo>
                  <a:pt x="3757830" y="1161723"/>
                </a:lnTo>
                <a:cubicBezTo>
                  <a:pt x="3706819" y="1141649"/>
                  <a:pt x="3652513" y="1131391"/>
                  <a:pt x="3597692" y="1131487"/>
                </a:cubicBezTo>
                <a:close/>
                <a:moveTo>
                  <a:pt x="2205438" y="837298"/>
                </a:moveTo>
                <a:lnTo>
                  <a:pt x="2590180" y="837298"/>
                </a:lnTo>
                <a:lnTo>
                  <a:pt x="2590180" y="2548651"/>
                </a:lnTo>
                <a:cubicBezTo>
                  <a:pt x="2590180" y="2895520"/>
                  <a:pt x="2359911" y="3128654"/>
                  <a:pt x="2015984" y="3128654"/>
                </a:cubicBezTo>
                <a:cubicBezTo>
                  <a:pt x="1922717" y="3128654"/>
                  <a:pt x="1838202" y="3111014"/>
                  <a:pt x="1756572" y="3073262"/>
                </a:cubicBezTo>
                <a:lnTo>
                  <a:pt x="1844038" y="2761571"/>
                </a:lnTo>
                <a:cubicBezTo>
                  <a:pt x="1896456" y="2779074"/>
                  <a:pt x="1948909" y="2787791"/>
                  <a:pt x="1989724" y="2787791"/>
                </a:cubicBezTo>
                <a:cubicBezTo>
                  <a:pt x="2118006" y="2787791"/>
                  <a:pt x="2205438" y="2691627"/>
                  <a:pt x="2205438" y="2548857"/>
                </a:cubicBezTo>
                <a:close/>
                <a:moveTo>
                  <a:pt x="4139105" y="780499"/>
                </a:moveTo>
                <a:lnTo>
                  <a:pt x="4378642" y="1020017"/>
                </a:lnTo>
                <a:lnTo>
                  <a:pt x="4263474" y="1135365"/>
                </a:lnTo>
                <a:cubicBezTo>
                  <a:pt x="4343457" y="1255038"/>
                  <a:pt x="4390485" y="1401034"/>
                  <a:pt x="4390485" y="1565769"/>
                </a:cubicBezTo>
                <a:cubicBezTo>
                  <a:pt x="4390485" y="2023285"/>
                  <a:pt x="4028880" y="2335080"/>
                  <a:pt x="3597520" y="2335080"/>
                </a:cubicBezTo>
                <a:cubicBezTo>
                  <a:pt x="3442429" y="2335080"/>
                  <a:pt x="3296983" y="2295681"/>
                  <a:pt x="3173748" y="2224604"/>
                </a:cubicBezTo>
                <a:lnTo>
                  <a:pt x="3050169" y="2348155"/>
                </a:lnTo>
                <a:lnTo>
                  <a:pt x="2810563" y="2108707"/>
                </a:lnTo>
                <a:lnTo>
                  <a:pt x="2925320" y="1993976"/>
                </a:lnTo>
                <a:cubicBezTo>
                  <a:pt x="2845543" y="1875058"/>
                  <a:pt x="2798892" y="1729886"/>
                  <a:pt x="2798892" y="1565838"/>
                </a:cubicBezTo>
                <a:cubicBezTo>
                  <a:pt x="2798892" y="1108390"/>
                  <a:pt x="3160291" y="793644"/>
                  <a:pt x="3597486" y="793644"/>
                </a:cubicBezTo>
                <a:cubicBezTo>
                  <a:pt x="3749866" y="793644"/>
                  <a:pt x="3893424" y="833077"/>
                  <a:pt x="4015526" y="904050"/>
                </a:cubicBezTo>
                <a:close/>
                <a:moveTo>
                  <a:pt x="396379" y="435140"/>
                </a:moveTo>
                <a:lnTo>
                  <a:pt x="396379" y="1932956"/>
                </a:lnTo>
                <a:lnTo>
                  <a:pt x="846344" y="1932956"/>
                </a:lnTo>
                <a:cubicBezTo>
                  <a:pt x="1298059" y="1932956"/>
                  <a:pt x="1601274" y="1632830"/>
                  <a:pt x="1601274" y="1184065"/>
                </a:cubicBezTo>
                <a:cubicBezTo>
                  <a:pt x="1601274" y="735300"/>
                  <a:pt x="1298128" y="435140"/>
                  <a:pt x="846344" y="435140"/>
                </a:cubicBezTo>
                <a:close/>
                <a:moveTo>
                  <a:pt x="0" y="76739"/>
                </a:moveTo>
                <a:lnTo>
                  <a:pt x="820049" y="76739"/>
                </a:lnTo>
                <a:cubicBezTo>
                  <a:pt x="1528328" y="76739"/>
                  <a:pt x="2000502" y="519670"/>
                  <a:pt x="2000502" y="1184065"/>
                </a:cubicBezTo>
                <a:cubicBezTo>
                  <a:pt x="2000502" y="1848460"/>
                  <a:pt x="1528328" y="2291391"/>
                  <a:pt x="820049" y="2291391"/>
                </a:cubicBezTo>
                <a:lnTo>
                  <a:pt x="0" y="2291391"/>
                </a:lnTo>
                <a:close/>
                <a:moveTo>
                  <a:pt x="5214998" y="0"/>
                </a:moveTo>
                <a:cubicBezTo>
                  <a:pt x="5308265" y="0"/>
                  <a:pt x="5392780" y="17641"/>
                  <a:pt x="5474410" y="55393"/>
                </a:cubicBezTo>
                <a:lnTo>
                  <a:pt x="5386944" y="367187"/>
                </a:lnTo>
                <a:cubicBezTo>
                  <a:pt x="5334526" y="349684"/>
                  <a:pt x="5282074" y="340932"/>
                  <a:pt x="5241258" y="340932"/>
                </a:cubicBezTo>
                <a:cubicBezTo>
                  <a:pt x="5112976" y="340932"/>
                  <a:pt x="5025544" y="437131"/>
                  <a:pt x="5025544" y="579901"/>
                </a:cubicBezTo>
                <a:lnTo>
                  <a:pt x="5025544" y="837299"/>
                </a:lnTo>
                <a:lnTo>
                  <a:pt x="5553123" y="837402"/>
                </a:lnTo>
                <a:lnTo>
                  <a:pt x="5553123" y="1152113"/>
                </a:lnTo>
                <a:lnTo>
                  <a:pt x="5025544" y="1152113"/>
                </a:lnTo>
                <a:lnTo>
                  <a:pt x="5025544" y="2291528"/>
                </a:lnTo>
                <a:lnTo>
                  <a:pt x="4640802" y="2291528"/>
                </a:lnTo>
                <a:lnTo>
                  <a:pt x="4640802" y="1152113"/>
                </a:lnTo>
                <a:lnTo>
                  <a:pt x="4423612" y="1152113"/>
                </a:lnTo>
                <a:lnTo>
                  <a:pt x="4423612" y="837402"/>
                </a:lnTo>
                <a:lnTo>
                  <a:pt x="4640802" y="837402"/>
                </a:lnTo>
                <a:lnTo>
                  <a:pt x="4640802" y="580004"/>
                </a:lnTo>
                <a:cubicBezTo>
                  <a:pt x="4640802" y="233134"/>
                  <a:pt x="4871070" y="0"/>
                  <a:pt x="5214998" y="0"/>
                </a:cubicBezTo>
                <a:close/>
              </a:path>
            </a:pathLst>
          </a:custGeom>
          <a:solidFill>
            <a:srgbClr val="FFFFFF"/>
          </a:solidFill>
          <a:ln w="3432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 bwMode="white">
          <a:xfrm>
            <a:off x="303751" y="3812823"/>
            <a:ext cx="1410750" cy="7738532"/>
          </a:xfrm>
        </p:spPr>
        <p:txBody>
          <a:bodyPr/>
          <a:lstStyle>
            <a:lvl1pPr>
              <a:defRPr sz="1350"/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3"/>
          </p:nvPr>
        </p:nvSpPr>
        <p:spPr bwMode="white">
          <a:xfrm>
            <a:off x="1916311" y="3810003"/>
            <a:ext cx="3024485" cy="7738532"/>
          </a:xfrm>
        </p:spPr>
        <p:txBody>
          <a:bodyPr/>
          <a:lstStyle>
            <a:lvl1pPr marL="0" indent="0">
              <a:buFont typeface="Djoef Offc" panose="02000000000000000000" pitchFamily="2" charset="0"/>
              <a:buChar char="​"/>
              <a:defRPr/>
            </a:lvl1pPr>
            <a:lvl2pPr marL="0" indent="0">
              <a:lnSpc>
                <a:spcPct val="100000"/>
              </a:lnSpc>
              <a:spcBef>
                <a:spcPts val="0"/>
              </a:spcBef>
              <a:spcAft>
                <a:spcPts val="338"/>
              </a:spcAft>
              <a:buFont typeface="Djoef Offc" panose="02000000000000000000" pitchFamily="2" charset="0"/>
              <a:buChar char="​"/>
              <a:defRPr sz="900" b="1">
                <a:latin typeface="+mj-lt"/>
              </a:defRPr>
            </a:lvl2pPr>
            <a:lvl3pPr marL="0" indent="0">
              <a:lnSpc>
                <a:spcPct val="100000"/>
              </a:lnSpc>
              <a:spcBef>
                <a:spcPts val="0"/>
              </a:spcBef>
              <a:spcAft>
                <a:spcPts val="338"/>
              </a:spcAft>
              <a:buFont typeface="Djoef Offc" panose="02000000000000000000" pitchFamily="2" charset="0"/>
              <a:buChar char="​"/>
              <a:defRPr sz="900"/>
            </a:lvl3pPr>
            <a:lvl4pPr marL="0" indent="0">
              <a:lnSpc>
                <a:spcPct val="100000"/>
              </a:lnSpc>
              <a:spcBef>
                <a:spcPts val="0"/>
              </a:spcBef>
              <a:spcAft>
                <a:spcPts val="338"/>
              </a:spcAft>
              <a:buFont typeface="Djoef Offc" panose="02000000000000000000" pitchFamily="2" charset="0"/>
              <a:buChar char="​"/>
              <a:defRPr sz="900"/>
            </a:lvl4pPr>
            <a:lvl5pPr marL="0" indent="0">
              <a:lnSpc>
                <a:spcPct val="100000"/>
              </a:lnSpc>
              <a:spcBef>
                <a:spcPts val="0"/>
              </a:spcBef>
              <a:spcAft>
                <a:spcPts val="338"/>
              </a:spcAft>
              <a:buFont typeface="Djoef Offc" panose="02000000000000000000" pitchFamily="2" charset="0"/>
              <a:buChar char="​"/>
              <a:defRPr sz="900"/>
            </a:lvl5pPr>
            <a:lvl6pPr marL="0" indent="0">
              <a:lnSpc>
                <a:spcPct val="100000"/>
              </a:lnSpc>
              <a:spcBef>
                <a:spcPts val="0"/>
              </a:spcBef>
              <a:spcAft>
                <a:spcPts val="338"/>
              </a:spcAft>
              <a:buFont typeface="Djoef Offc" panose="02000000000000000000" pitchFamily="2" charset="0"/>
              <a:buChar char="​"/>
              <a:defRPr sz="900" b="1">
                <a:latin typeface="+mj-lt"/>
              </a:defRPr>
            </a:lvl6pPr>
            <a:lvl7pPr marL="0" indent="0">
              <a:lnSpc>
                <a:spcPct val="100000"/>
              </a:lnSpc>
              <a:spcBef>
                <a:spcPts val="0"/>
              </a:spcBef>
              <a:spcAft>
                <a:spcPts val="338"/>
              </a:spcAft>
              <a:buFont typeface="Djoef Offc" panose="02000000000000000000" pitchFamily="2" charset="0"/>
              <a:buChar char="​"/>
              <a:defRPr sz="900" b="0">
                <a:latin typeface="+mn-lt"/>
              </a:defRPr>
            </a:lvl7pPr>
            <a:lvl8pPr marL="0" indent="0">
              <a:lnSpc>
                <a:spcPct val="100000"/>
              </a:lnSpc>
              <a:spcBef>
                <a:spcPts val="0"/>
              </a:spcBef>
              <a:spcAft>
                <a:spcPts val="338"/>
              </a:spcAft>
              <a:buFont typeface="Djoef Offc" panose="02000000000000000000" pitchFamily="2" charset="0"/>
              <a:buChar char="​"/>
              <a:defRPr sz="900" b="1">
                <a:latin typeface="+mj-lt"/>
              </a:defRPr>
            </a:lvl8pPr>
            <a:lvl9pPr marL="0" indent="0">
              <a:lnSpc>
                <a:spcPct val="100000"/>
              </a:lnSpc>
              <a:spcBef>
                <a:spcPts val="0"/>
              </a:spcBef>
              <a:spcAft>
                <a:spcPts val="338"/>
              </a:spcAft>
              <a:buFont typeface="Djoef Offc" panose="02000000000000000000" pitchFamily="2" charset="0"/>
              <a:buChar char="​"/>
              <a:defRPr sz="900"/>
            </a:lvl9pPr>
          </a:lstStyle>
          <a:p>
            <a:pPr lvl="0"/>
            <a:r>
              <a:rPr lang="da-DK" noProof="0"/>
              <a:t>Klik for at redigere teksttypografierne i masteren</a:t>
            </a:r>
          </a:p>
          <a:p>
            <a:pPr lvl="1"/>
            <a:r>
              <a:rPr lang="da-DK" noProof="0"/>
              <a:t>Andet niveau</a:t>
            </a:r>
          </a:p>
          <a:p>
            <a:pPr lvl="2"/>
            <a:r>
              <a:rPr lang="da-DK" noProof="0"/>
              <a:t>Tredje niveau</a:t>
            </a:r>
          </a:p>
          <a:p>
            <a:pPr lvl="3"/>
            <a:r>
              <a:rPr lang="da-DK" noProof="0"/>
              <a:t>Fjerde niveau</a:t>
            </a:r>
          </a:p>
          <a:p>
            <a:pPr lvl="4"/>
            <a:r>
              <a:rPr lang="da-DK" noProof="0"/>
              <a:t>Femte niveau</a:t>
            </a:r>
            <a:endParaRPr lang="da-DK" noProof="0" dirty="0"/>
          </a:p>
        </p:txBody>
      </p:sp>
      <p:sp>
        <p:nvSpPr>
          <p:cNvPr id="5" name="Date Placeholder 1">
            <a:extLst>
              <a:ext uri="{FF2B5EF4-FFF2-40B4-BE49-F238E27FC236}">
                <a16:creationId xmlns:a16="http://schemas.microsoft.com/office/drawing/2014/main" id="{209E537F-03DD-3881-20CC-D0D8853B5407}"/>
              </a:ext>
            </a:extLst>
          </p:cNvPr>
          <p:cNvSpPr>
            <a:spLocks noGrp="1"/>
          </p:cNvSpPr>
          <p:nvPr>
            <p:ph type="dt" sz="half" idx="14"/>
          </p:nvPr>
        </p:nvSpPr>
        <p:spPr bwMode="white"/>
        <p:txBody>
          <a:bodyPr/>
          <a:lstStyle>
            <a:lvl1pPr>
              <a:defRPr/>
            </a:lvl1pPr>
          </a:lstStyle>
          <a:p>
            <a:pPr>
              <a:defRPr/>
            </a:pPr>
            <a:fld id="{46180B0C-B8DF-488E-AE19-4CB04DE96498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6" name="Footer Placeholder 3">
            <a:extLst>
              <a:ext uri="{FF2B5EF4-FFF2-40B4-BE49-F238E27FC236}">
                <a16:creationId xmlns:a16="http://schemas.microsoft.com/office/drawing/2014/main" id="{7656D070-56F4-2C25-394E-6FBD72B3EF0D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 bwMode="white">
          <a:xfrm>
            <a:off x="1916113" y="639763"/>
            <a:ext cx="3024187" cy="32067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8" name="Slide Number Placeholder 4">
            <a:extLst>
              <a:ext uri="{FF2B5EF4-FFF2-40B4-BE49-F238E27FC236}">
                <a16:creationId xmlns:a16="http://schemas.microsoft.com/office/drawing/2014/main" id="{E4A489D2-CF33-91CC-53C0-8E31D710A1BF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 bwMode="white"/>
        <p:txBody>
          <a:bodyPr/>
          <a:lstStyle>
            <a:lvl1pPr>
              <a:defRPr/>
            </a:lvl1pPr>
          </a:lstStyle>
          <a:p>
            <a:pPr>
              <a:defRPr/>
            </a:pPr>
            <a:fld id="{F63CD799-6E7A-4018-A15A-4826D512EC67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61294581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genda B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ggrund">
            <a:extLst>
              <a:ext uri="{FF2B5EF4-FFF2-40B4-BE49-F238E27FC236}">
                <a16:creationId xmlns:a16="http://schemas.microsoft.com/office/drawing/2014/main" id="{2C73B465-8070-7EAC-D3D3-5F0121D68ACF}"/>
              </a:ext>
            </a:extLst>
          </p:cNvPr>
          <p:cNvSpPr/>
          <p:nvPr/>
        </p:nvSpPr>
        <p:spPr bwMode="ltGray">
          <a:xfrm>
            <a:off x="0" y="0"/>
            <a:ext cx="6858000" cy="12192000"/>
          </a:xfrm>
          <a:custGeom>
            <a:avLst/>
            <a:gdLst>
              <a:gd name="connsiteX0" fmla="*/ 0 w 10572750"/>
              <a:gd name="connsiteY0" fmla="*/ 0 h 10287000"/>
              <a:gd name="connsiteX1" fmla="*/ 10572750 w 10572750"/>
              <a:gd name="connsiteY1" fmla="*/ 0 h 10287000"/>
              <a:gd name="connsiteX2" fmla="*/ 10572750 w 10572750"/>
              <a:gd name="connsiteY2" fmla="*/ 10287000 h 10287000"/>
              <a:gd name="connsiteX3" fmla="*/ 0 w 10572750"/>
              <a:gd name="connsiteY3" fmla="*/ 10287000 h 10287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0572750" h="10287000">
                <a:moveTo>
                  <a:pt x="0" y="0"/>
                </a:moveTo>
                <a:lnTo>
                  <a:pt x="10572750" y="0"/>
                </a:lnTo>
                <a:lnTo>
                  <a:pt x="10572750" y="10287000"/>
                </a:lnTo>
                <a:lnTo>
                  <a:pt x="0" y="10287000"/>
                </a:lnTo>
                <a:close/>
              </a:path>
            </a:pathLst>
          </a:custGeom>
          <a:solidFill>
            <a:schemeClr val="accent1"/>
          </a:solidFill>
          <a:ln w="9525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sp>
        <p:nvSpPr>
          <p:cNvPr id="3" name="Freeform: Shape 24">
            <a:extLst>
              <a:ext uri="{FF2B5EF4-FFF2-40B4-BE49-F238E27FC236}">
                <a16:creationId xmlns:a16="http://schemas.microsoft.com/office/drawing/2014/main" id="{FF2D19AE-24BB-1F9E-903A-0CDB729C7D3D}"/>
              </a:ext>
            </a:extLst>
          </p:cNvPr>
          <p:cNvSpPr/>
          <p:nvPr userDrawn="1"/>
        </p:nvSpPr>
        <p:spPr bwMode="white">
          <a:xfrm>
            <a:off x="6197600" y="639763"/>
            <a:ext cx="355600" cy="635000"/>
          </a:xfrm>
          <a:custGeom>
            <a:avLst/>
            <a:gdLst>
              <a:gd name="connsiteX0" fmla="*/ 3991223 w 5553123"/>
              <a:gd name="connsiteY0" fmla="*/ 1407246 h 3128654"/>
              <a:gd name="connsiteX1" fmla="*/ 3430346 w 5553123"/>
              <a:gd name="connsiteY1" fmla="*/ 1968030 h 3128654"/>
              <a:gd name="connsiteX2" fmla="*/ 3597555 w 5553123"/>
              <a:gd name="connsiteY2" fmla="*/ 1999879 h 3128654"/>
              <a:gd name="connsiteX3" fmla="*/ 4017277 w 5553123"/>
              <a:gd name="connsiteY3" fmla="*/ 1565700 h 3128654"/>
              <a:gd name="connsiteX4" fmla="*/ 4017243 w 5553123"/>
              <a:gd name="connsiteY4" fmla="*/ 1565803 h 3128654"/>
              <a:gd name="connsiteX5" fmla="*/ 3991223 w 5553123"/>
              <a:gd name="connsiteY5" fmla="*/ 1407246 h 3128654"/>
              <a:gd name="connsiteX6" fmla="*/ 3597692 w 5553123"/>
              <a:gd name="connsiteY6" fmla="*/ 1131487 h 3128654"/>
              <a:gd name="connsiteX7" fmla="*/ 3172031 w 5553123"/>
              <a:gd name="connsiteY7" fmla="*/ 1565700 h 3128654"/>
              <a:gd name="connsiteX8" fmla="*/ 3171997 w 5553123"/>
              <a:gd name="connsiteY8" fmla="*/ 1565803 h 3128654"/>
              <a:gd name="connsiteX9" fmla="*/ 3197296 w 5553123"/>
              <a:gd name="connsiteY9" fmla="*/ 1722061 h 3128654"/>
              <a:gd name="connsiteX10" fmla="*/ 3757830 w 5553123"/>
              <a:gd name="connsiteY10" fmla="*/ 1161723 h 3128654"/>
              <a:gd name="connsiteX11" fmla="*/ 3597692 w 5553123"/>
              <a:gd name="connsiteY11" fmla="*/ 1131487 h 3128654"/>
              <a:gd name="connsiteX12" fmla="*/ 2205438 w 5553123"/>
              <a:gd name="connsiteY12" fmla="*/ 837298 h 3128654"/>
              <a:gd name="connsiteX13" fmla="*/ 2590180 w 5553123"/>
              <a:gd name="connsiteY13" fmla="*/ 837298 h 3128654"/>
              <a:gd name="connsiteX14" fmla="*/ 2590180 w 5553123"/>
              <a:gd name="connsiteY14" fmla="*/ 2548651 h 3128654"/>
              <a:gd name="connsiteX15" fmla="*/ 2015984 w 5553123"/>
              <a:gd name="connsiteY15" fmla="*/ 3128654 h 3128654"/>
              <a:gd name="connsiteX16" fmla="*/ 1756572 w 5553123"/>
              <a:gd name="connsiteY16" fmla="*/ 3073262 h 3128654"/>
              <a:gd name="connsiteX17" fmla="*/ 1844038 w 5553123"/>
              <a:gd name="connsiteY17" fmla="*/ 2761571 h 3128654"/>
              <a:gd name="connsiteX18" fmla="*/ 1989724 w 5553123"/>
              <a:gd name="connsiteY18" fmla="*/ 2787791 h 3128654"/>
              <a:gd name="connsiteX19" fmla="*/ 2205438 w 5553123"/>
              <a:gd name="connsiteY19" fmla="*/ 2548857 h 3128654"/>
              <a:gd name="connsiteX20" fmla="*/ 4139105 w 5553123"/>
              <a:gd name="connsiteY20" fmla="*/ 780499 h 3128654"/>
              <a:gd name="connsiteX21" fmla="*/ 4378642 w 5553123"/>
              <a:gd name="connsiteY21" fmla="*/ 1020017 h 3128654"/>
              <a:gd name="connsiteX22" fmla="*/ 4263474 w 5553123"/>
              <a:gd name="connsiteY22" fmla="*/ 1135365 h 3128654"/>
              <a:gd name="connsiteX23" fmla="*/ 4390485 w 5553123"/>
              <a:gd name="connsiteY23" fmla="*/ 1565769 h 3128654"/>
              <a:gd name="connsiteX24" fmla="*/ 3597520 w 5553123"/>
              <a:gd name="connsiteY24" fmla="*/ 2335080 h 3128654"/>
              <a:gd name="connsiteX25" fmla="*/ 3173748 w 5553123"/>
              <a:gd name="connsiteY25" fmla="*/ 2224604 h 3128654"/>
              <a:gd name="connsiteX26" fmla="*/ 3050169 w 5553123"/>
              <a:gd name="connsiteY26" fmla="*/ 2348155 h 3128654"/>
              <a:gd name="connsiteX27" fmla="*/ 2810563 w 5553123"/>
              <a:gd name="connsiteY27" fmla="*/ 2108707 h 3128654"/>
              <a:gd name="connsiteX28" fmla="*/ 2925320 w 5553123"/>
              <a:gd name="connsiteY28" fmla="*/ 1993976 h 3128654"/>
              <a:gd name="connsiteX29" fmla="*/ 2798892 w 5553123"/>
              <a:gd name="connsiteY29" fmla="*/ 1565838 h 3128654"/>
              <a:gd name="connsiteX30" fmla="*/ 3597486 w 5553123"/>
              <a:gd name="connsiteY30" fmla="*/ 793644 h 3128654"/>
              <a:gd name="connsiteX31" fmla="*/ 4015526 w 5553123"/>
              <a:gd name="connsiteY31" fmla="*/ 904050 h 3128654"/>
              <a:gd name="connsiteX32" fmla="*/ 396379 w 5553123"/>
              <a:gd name="connsiteY32" fmla="*/ 435140 h 3128654"/>
              <a:gd name="connsiteX33" fmla="*/ 396379 w 5553123"/>
              <a:gd name="connsiteY33" fmla="*/ 1932956 h 3128654"/>
              <a:gd name="connsiteX34" fmla="*/ 846344 w 5553123"/>
              <a:gd name="connsiteY34" fmla="*/ 1932956 h 3128654"/>
              <a:gd name="connsiteX35" fmla="*/ 1601274 w 5553123"/>
              <a:gd name="connsiteY35" fmla="*/ 1184065 h 3128654"/>
              <a:gd name="connsiteX36" fmla="*/ 846344 w 5553123"/>
              <a:gd name="connsiteY36" fmla="*/ 435140 h 3128654"/>
              <a:gd name="connsiteX37" fmla="*/ 0 w 5553123"/>
              <a:gd name="connsiteY37" fmla="*/ 76739 h 3128654"/>
              <a:gd name="connsiteX38" fmla="*/ 820049 w 5553123"/>
              <a:gd name="connsiteY38" fmla="*/ 76739 h 3128654"/>
              <a:gd name="connsiteX39" fmla="*/ 2000502 w 5553123"/>
              <a:gd name="connsiteY39" fmla="*/ 1184065 h 3128654"/>
              <a:gd name="connsiteX40" fmla="*/ 820049 w 5553123"/>
              <a:gd name="connsiteY40" fmla="*/ 2291391 h 3128654"/>
              <a:gd name="connsiteX41" fmla="*/ 0 w 5553123"/>
              <a:gd name="connsiteY41" fmla="*/ 2291391 h 3128654"/>
              <a:gd name="connsiteX42" fmla="*/ 5214998 w 5553123"/>
              <a:gd name="connsiteY42" fmla="*/ 0 h 3128654"/>
              <a:gd name="connsiteX43" fmla="*/ 5474410 w 5553123"/>
              <a:gd name="connsiteY43" fmla="*/ 55393 h 3128654"/>
              <a:gd name="connsiteX44" fmla="*/ 5386944 w 5553123"/>
              <a:gd name="connsiteY44" fmla="*/ 367187 h 3128654"/>
              <a:gd name="connsiteX45" fmla="*/ 5241258 w 5553123"/>
              <a:gd name="connsiteY45" fmla="*/ 340932 h 3128654"/>
              <a:gd name="connsiteX46" fmla="*/ 5025544 w 5553123"/>
              <a:gd name="connsiteY46" fmla="*/ 579901 h 3128654"/>
              <a:gd name="connsiteX47" fmla="*/ 5025544 w 5553123"/>
              <a:gd name="connsiteY47" fmla="*/ 837299 h 3128654"/>
              <a:gd name="connsiteX48" fmla="*/ 5553123 w 5553123"/>
              <a:gd name="connsiteY48" fmla="*/ 837402 h 3128654"/>
              <a:gd name="connsiteX49" fmla="*/ 5553123 w 5553123"/>
              <a:gd name="connsiteY49" fmla="*/ 1152113 h 3128654"/>
              <a:gd name="connsiteX50" fmla="*/ 5025544 w 5553123"/>
              <a:gd name="connsiteY50" fmla="*/ 1152113 h 3128654"/>
              <a:gd name="connsiteX51" fmla="*/ 5025544 w 5553123"/>
              <a:gd name="connsiteY51" fmla="*/ 2291528 h 3128654"/>
              <a:gd name="connsiteX52" fmla="*/ 4640802 w 5553123"/>
              <a:gd name="connsiteY52" fmla="*/ 2291528 h 3128654"/>
              <a:gd name="connsiteX53" fmla="*/ 4640802 w 5553123"/>
              <a:gd name="connsiteY53" fmla="*/ 1152113 h 3128654"/>
              <a:gd name="connsiteX54" fmla="*/ 4423612 w 5553123"/>
              <a:gd name="connsiteY54" fmla="*/ 1152113 h 3128654"/>
              <a:gd name="connsiteX55" fmla="*/ 4423612 w 5553123"/>
              <a:gd name="connsiteY55" fmla="*/ 837402 h 3128654"/>
              <a:gd name="connsiteX56" fmla="*/ 4640802 w 5553123"/>
              <a:gd name="connsiteY56" fmla="*/ 837402 h 3128654"/>
              <a:gd name="connsiteX57" fmla="*/ 4640802 w 5553123"/>
              <a:gd name="connsiteY57" fmla="*/ 580004 h 3128654"/>
              <a:gd name="connsiteX58" fmla="*/ 5214998 w 5553123"/>
              <a:gd name="connsiteY58" fmla="*/ 0 h 31286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5553123" h="3128654">
                <a:moveTo>
                  <a:pt x="3991223" y="1407246"/>
                </a:moveTo>
                <a:lnTo>
                  <a:pt x="3430346" y="1968030"/>
                </a:lnTo>
                <a:cubicBezTo>
                  <a:pt x="3483553" y="1989213"/>
                  <a:pt x="3540297" y="2000023"/>
                  <a:pt x="3597555" y="1999879"/>
                </a:cubicBezTo>
                <a:cubicBezTo>
                  <a:pt x="3819070" y="1999879"/>
                  <a:pt x="4017277" y="1836826"/>
                  <a:pt x="4017277" y="1565700"/>
                </a:cubicBezTo>
                <a:lnTo>
                  <a:pt x="4017243" y="1565803"/>
                </a:lnTo>
                <a:cubicBezTo>
                  <a:pt x="4017518" y="1511866"/>
                  <a:pt x="4008729" y="1458269"/>
                  <a:pt x="3991223" y="1407246"/>
                </a:cubicBezTo>
                <a:close/>
                <a:moveTo>
                  <a:pt x="3597692" y="1131487"/>
                </a:moveTo>
                <a:cubicBezTo>
                  <a:pt x="3370204" y="1131487"/>
                  <a:pt x="3172031" y="1294574"/>
                  <a:pt x="3172031" y="1565700"/>
                </a:cubicBezTo>
                <a:lnTo>
                  <a:pt x="3171997" y="1565803"/>
                </a:lnTo>
                <a:cubicBezTo>
                  <a:pt x="3171757" y="1618927"/>
                  <a:pt x="3180304" y="1671724"/>
                  <a:pt x="3197296" y="1722061"/>
                </a:cubicBezTo>
                <a:lnTo>
                  <a:pt x="3757830" y="1161723"/>
                </a:lnTo>
                <a:cubicBezTo>
                  <a:pt x="3706819" y="1141649"/>
                  <a:pt x="3652513" y="1131391"/>
                  <a:pt x="3597692" y="1131487"/>
                </a:cubicBezTo>
                <a:close/>
                <a:moveTo>
                  <a:pt x="2205438" y="837298"/>
                </a:moveTo>
                <a:lnTo>
                  <a:pt x="2590180" y="837298"/>
                </a:lnTo>
                <a:lnTo>
                  <a:pt x="2590180" y="2548651"/>
                </a:lnTo>
                <a:cubicBezTo>
                  <a:pt x="2590180" y="2895520"/>
                  <a:pt x="2359911" y="3128654"/>
                  <a:pt x="2015984" y="3128654"/>
                </a:cubicBezTo>
                <a:cubicBezTo>
                  <a:pt x="1922717" y="3128654"/>
                  <a:pt x="1838202" y="3111014"/>
                  <a:pt x="1756572" y="3073262"/>
                </a:cubicBezTo>
                <a:lnTo>
                  <a:pt x="1844038" y="2761571"/>
                </a:lnTo>
                <a:cubicBezTo>
                  <a:pt x="1896456" y="2779074"/>
                  <a:pt x="1948909" y="2787791"/>
                  <a:pt x="1989724" y="2787791"/>
                </a:cubicBezTo>
                <a:cubicBezTo>
                  <a:pt x="2118006" y="2787791"/>
                  <a:pt x="2205438" y="2691627"/>
                  <a:pt x="2205438" y="2548857"/>
                </a:cubicBezTo>
                <a:close/>
                <a:moveTo>
                  <a:pt x="4139105" y="780499"/>
                </a:moveTo>
                <a:lnTo>
                  <a:pt x="4378642" y="1020017"/>
                </a:lnTo>
                <a:lnTo>
                  <a:pt x="4263474" y="1135365"/>
                </a:lnTo>
                <a:cubicBezTo>
                  <a:pt x="4343457" y="1255038"/>
                  <a:pt x="4390485" y="1401034"/>
                  <a:pt x="4390485" y="1565769"/>
                </a:cubicBezTo>
                <a:cubicBezTo>
                  <a:pt x="4390485" y="2023285"/>
                  <a:pt x="4028880" y="2335080"/>
                  <a:pt x="3597520" y="2335080"/>
                </a:cubicBezTo>
                <a:cubicBezTo>
                  <a:pt x="3442429" y="2335080"/>
                  <a:pt x="3296983" y="2295681"/>
                  <a:pt x="3173748" y="2224604"/>
                </a:cubicBezTo>
                <a:lnTo>
                  <a:pt x="3050169" y="2348155"/>
                </a:lnTo>
                <a:lnTo>
                  <a:pt x="2810563" y="2108707"/>
                </a:lnTo>
                <a:lnTo>
                  <a:pt x="2925320" y="1993976"/>
                </a:lnTo>
                <a:cubicBezTo>
                  <a:pt x="2845543" y="1875058"/>
                  <a:pt x="2798892" y="1729886"/>
                  <a:pt x="2798892" y="1565838"/>
                </a:cubicBezTo>
                <a:cubicBezTo>
                  <a:pt x="2798892" y="1108390"/>
                  <a:pt x="3160291" y="793644"/>
                  <a:pt x="3597486" y="793644"/>
                </a:cubicBezTo>
                <a:cubicBezTo>
                  <a:pt x="3749866" y="793644"/>
                  <a:pt x="3893424" y="833077"/>
                  <a:pt x="4015526" y="904050"/>
                </a:cubicBezTo>
                <a:close/>
                <a:moveTo>
                  <a:pt x="396379" y="435140"/>
                </a:moveTo>
                <a:lnTo>
                  <a:pt x="396379" y="1932956"/>
                </a:lnTo>
                <a:lnTo>
                  <a:pt x="846344" y="1932956"/>
                </a:lnTo>
                <a:cubicBezTo>
                  <a:pt x="1298059" y="1932956"/>
                  <a:pt x="1601274" y="1632830"/>
                  <a:pt x="1601274" y="1184065"/>
                </a:cubicBezTo>
                <a:cubicBezTo>
                  <a:pt x="1601274" y="735300"/>
                  <a:pt x="1298128" y="435140"/>
                  <a:pt x="846344" y="435140"/>
                </a:cubicBezTo>
                <a:close/>
                <a:moveTo>
                  <a:pt x="0" y="76739"/>
                </a:moveTo>
                <a:lnTo>
                  <a:pt x="820049" y="76739"/>
                </a:lnTo>
                <a:cubicBezTo>
                  <a:pt x="1528328" y="76739"/>
                  <a:pt x="2000502" y="519670"/>
                  <a:pt x="2000502" y="1184065"/>
                </a:cubicBezTo>
                <a:cubicBezTo>
                  <a:pt x="2000502" y="1848460"/>
                  <a:pt x="1528328" y="2291391"/>
                  <a:pt x="820049" y="2291391"/>
                </a:cubicBezTo>
                <a:lnTo>
                  <a:pt x="0" y="2291391"/>
                </a:lnTo>
                <a:close/>
                <a:moveTo>
                  <a:pt x="5214998" y="0"/>
                </a:moveTo>
                <a:cubicBezTo>
                  <a:pt x="5308265" y="0"/>
                  <a:pt x="5392780" y="17641"/>
                  <a:pt x="5474410" y="55393"/>
                </a:cubicBezTo>
                <a:lnTo>
                  <a:pt x="5386944" y="367187"/>
                </a:lnTo>
                <a:cubicBezTo>
                  <a:pt x="5334526" y="349684"/>
                  <a:pt x="5282074" y="340932"/>
                  <a:pt x="5241258" y="340932"/>
                </a:cubicBezTo>
                <a:cubicBezTo>
                  <a:pt x="5112976" y="340932"/>
                  <a:pt x="5025544" y="437131"/>
                  <a:pt x="5025544" y="579901"/>
                </a:cubicBezTo>
                <a:lnTo>
                  <a:pt x="5025544" y="837299"/>
                </a:lnTo>
                <a:lnTo>
                  <a:pt x="5553123" y="837402"/>
                </a:lnTo>
                <a:lnTo>
                  <a:pt x="5553123" y="1152113"/>
                </a:lnTo>
                <a:lnTo>
                  <a:pt x="5025544" y="1152113"/>
                </a:lnTo>
                <a:lnTo>
                  <a:pt x="5025544" y="2291528"/>
                </a:lnTo>
                <a:lnTo>
                  <a:pt x="4640802" y="2291528"/>
                </a:lnTo>
                <a:lnTo>
                  <a:pt x="4640802" y="1152113"/>
                </a:lnTo>
                <a:lnTo>
                  <a:pt x="4423612" y="1152113"/>
                </a:lnTo>
                <a:lnTo>
                  <a:pt x="4423612" y="837402"/>
                </a:lnTo>
                <a:lnTo>
                  <a:pt x="4640802" y="837402"/>
                </a:lnTo>
                <a:lnTo>
                  <a:pt x="4640802" y="580004"/>
                </a:lnTo>
                <a:cubicBezTo>
                  <a:pt x="4640802" y="233134"/>
                  <a:pt x="4871070" y="0"/>
                  <a:pt x="5214998" y="0"/>
                </a:cubicBezTo>
                <a:close/>
              </a:path>
            </a:pathLst>
          </a:custGeom>
          <a:solidFill>
            <a:srgbClr val="FFFFFF"/>
          </a:solidFill>
          <a:ln w="3432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  <p:sp>
        <p:nvSpPr>
          <p:cNvPr id="20" name="Title 2"/>
          <p:cNvSpPr>
            <a:spLocks noGrp="1"/>
          </p:cNvSpPr>
          <p:nvPr>
            <p:ph type="title"/>
          </p:nvPr>
        </p:nvSpPr>
        <p:spPr bwMode="white">
          <a:xfrm>
            <a:off x="303751" y="3812823"/>
            <a:ext cx="1410750" cy="7739175"/>
          </a:xfrm>
        </p:spPr>
        <p:txBody>
          <a:bodyPr/>
          <a:lstStyle>
            <a:lvl1pPr>
              <a:defRPr sz="1350"/>
            </a:lvl1pPr>
          </a:lstStyle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7"/>
          </p:nvPr>
        </p:nvSpPr>
        <p:spPr bwMode="white">
          <a:xfrm>
            <a:off x="1917204" y="3812825"/>
            <a:ext cx="536675" cy="7739175"/>
          </a:xfrm>
        </p:spPr>
        <p:txBody>
          <a:bodyPr/>
          <a:lstStyle>
            <a:lvl1pPr marL="0" indent="0">
              <a:lnSpc>
                <a:spcPts val="1406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900"/>
            </a:lvl1pPr>
            <a:lvl2pPr marL="0" indent="0">
              <a:lnSpc>
                <a:spcPts val="1406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900" b="1">
                <a:latin typeface="+mj-lt"/>
              </a:defRPr>
            </a:lvl2pPr>
            <a:lvl3pPr marL="0" indent="0">
              <a:lnSpc>
                <a:spcPts val="1406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900"/>
            </a:lvl3pPr>
            <a:lvl4pPr>
              <a:lnSpc>
                <a:spcPts val="1406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900"/>
            </a:lvl4pPr>
            <a:lvl5pPr>
              <a:lnSpc>
                <a:spcPts val="1406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900"/>
            </a:lvl5pPr>
            <a:lvl6pPr marL="0" indent="0">
              <a:lnSpc>
                <a:spcPts val="1406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900" b="1">
                <a:latin typeface="+mj-lt"/>
              </a:defRPr>
            </a:lvl6pPr>
            <a:lvl7pPr>
              <a:lnSpc>
                <a:spcPts val="1406"/>
              </a:lnSpc>
              <a:spcBef>
                <a:spcPts val="0"/>
              </a:spcBef>
              <a:spcAft>
                <a:spcPts val="0"/>
              </a:spcAft>
              <a:defRPr sz="900" b="0"/>
            </a:lvl7pPr>
            <a:lvl8pPr>
              <a:lnSpc>
                <a:spcPts val="1406"/>
              </a:lnSpc>
              <a:spcBef>
                <a:spcPts val="0"/>
              </a:spcBef>
              <a:spcAft>
                <a:spcPts val="0"/>
              </a:spcAft>
              <a:defRPr sz="900" b="1">
                <a:latin typeface="+mj-lt"/>
              </a:defRPr>
            </a:lvl8pPr>
            <a:lvl9pPr>
              <a:lnSpc>
                <a:spcPts val="1406"/>
              </a:lnSpc>
              <a:spcBef>
                <a:spcPts val="0"/>
              </a:spcBef>
              <a:spcAft>
                <a:spcPts val="0"/>
              </a:spcAft>
              <a:defRPr sz="900"/>
            </a:lvl9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3"/>
          </p:nvPr>
        </p:nvSpPr>
        <p:spPr bwMode="white">
          <a:xfrm>
            <a:off x="2453878" y="3812825"/>
            <a:ext cx="2486918" cy="7739175"/>
          </a:xfrm>
        </p:spPr>
        <p:txBody>
          <a:bodyPr/>
          <a:lstStyle>
            <a:lvl1pPr marL="0" indent="0">
              <a:lnSpc>
                <a:spcPts val="1406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900">
                <a:solidFill>
                  <a:schemeClr val="tx1"/>
                </a:solidFill>
              </a:defRPr>
            </a:lvl1pPr>
            <a:lvl2pPr marL="0" indent="0">
              <a:lnSpc>
                <a:spcPts val="1406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900" b="1">
                <a:solidFill>
                  <a:schemeClr val="tx1"/>
                </a:solidFill>
                <a:latin typeface="+mj-lt"/>
              </a:defRPr>
            </a:lvl2pPr>
            <a:lvl3pPr marL="0" indent="0">
              <a:lnSpc>
                <a:spcPts val="1406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900">
                <a:solidFill>
                  <a:schemeClr val="tx1"/>
                </a:solidFill>
              </a:defRPr>
            </a:lvl3pPr>
            <a:lvl4pPr marL="0" indent="0">
              <a:lnSpc>
                <a:spcPts val="1406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900">
                <a:solidFill>
                  <a:schemeClr val="tx1"/>
                </a:solidFill>
              </a:defRPr>
            </a:lvl4pPr>
            <a:lvl5pPr marL="0" indent="0">
              <a:lnSpc>
                <a:spcPts val="1406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900">
                <a:solidFill>
                  <a:schemeClr val="tx1"/>
                </a:solidFill>
              </a:defRPr>
            </a:lvl5pPr>
            <a:lvl6pPr marL="0" indent="0">
              <a:lnSpc>
                <a:spcPts val="1406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900" b="1">
                <a:solidFill>
                  <a:schemeClr val="tx1"/>
                </a:solidFill>
                <a:latin typeface="+mj-lt"/>
              </a:defRPr>
            </a:lvl6pPr>
            <a:lvl7pPr marL="0" indent="0">
              <a:lnSpc>
                <a:spcPts val="1406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900" b="0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ts val="1406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900" b="1">
                <a:solidFill>
                  <a:schemeClr val="tx1"/>
                </a:solidFill>
                <a:latin typeface="+mj-lt"/>
              </a:defRPr>
            </a:lvl8pPr>
            <a:lvl9pPr marL="0" indent="0">
              <a:lnSpc>
                <a:spcPts val="1406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900">
                <a:solidFill>
                  <a:schemeClr val="tx1"/>
                </a:solidFill>
              </a:defRPr>
            </a:lvl9pPr>
          </a:lstStyle>
          <a:p>
            <a:pPr lvl="0"/>
            <a:r>
              <a:rPr lang="da-DK" noProof="0"/>
              <a:t>Klik for at redigere teksttypografierne i masteren</a:t>
            </a:r>
          </a:p>
          <a:p>
            <a:pPr lvl="1"/>
            <a:r>
              <a:rPr lang="da-DK" noProof="0"/>
              <a:t>Andet niveau</a:t>
            </a:r>
          </a:p>
          <a:p>
            <a:pPr lvl="2"/>
            <a:r>
              <a:rPr lang="da-DK" noProof="0"/>
              <a:t>Tredje niveau</a:t>
            </a:r>
          </a:p>
          <a:p>
            <a:pPr lvl="3"/>
            <a:r>
              <a:rPr lang="da-DK" noProof="0"/>
              <a:t>Fjerde niveau</a:t>
            </a:r>
          </a:p>
          <a:p>
            <a:pPr lvl="4"/>
            <a:r>
              <a:rPr lang="da-DK" noProof="0"/>
              <a:t>Femte niveau</a:t>
            </a:r>
            <a:endParaRPr lang="da-DK" noProof="0" dirty="0"/>
          </a:p>
        </p:txBody>
      </p:sp>
      <p:sp>
        <p:nvSpPr>
          <p:cNvPr id="5" name="Date Placeholder 1">
            <a:extLst>
              <a:ext uri="{FF2B5EF4-FFF2-40B4-BE49-F238E27FC236}">
                <a16:creationId xmlns:a16="http://schemas.microsoft.com/office/drawing/2014/main" id="{63D58C6E-696A-8CB8-FF0E-F44412F1B473}"/>
              </a:ext>
            </a:extLst>
          </p:cNvPr>
          <p:cNvSpPr>
            <a:spLocks noGrp="1"/>
          </p:cNvSpPr>
          <p:nvPr>
            <p:ph type="dt" sz="half" idx="18"/>
          </p:nvPr>
        </p:nvSpPr>
        <p:spPr bwMode="white"/>
        <p:txBody>
          <a:bodyPr/>
          <a:lstStyle>
            <a:lvl1pPr>
              <a:defRPr/>
            </a:lvl1pPr>
          </a:lstStyle>
          <a:p>
            <a:pPr>
              <a:defRPr/>
            </a:pPr>
            <a:fld id="{23E9C492-D7E8-43B8-9113-0E29DE8CE0B9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8103AFFC-44AB-A067-19C8-950E52742D69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 bwMode="white">
          <a:xfrm>
            <a:off x="1916113" y="639763"/>
            <a:ext cx="3024187" cy="32067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8" name="Slide Number Placeholder 5">
            <a:extLst>
              <a:ext uri="{FF2B5EF4-FFF2-40B4-BE49-F238E27FC236}">
                <a16:creationId xmlns:a16="http://schemas.microsoft.com/office/drawing/2014/main" id="{FC7BE910-F769-4783-23A1-B2CDE71F3B47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 bwMode="white"/>
        <p:txBody>
          <a:bodyPr/>
          <a:lstStyle>
            <a:lvl1pPr>
              <a:defRPr/>
            </a:lvl1pPr>
          </a:lstStyle>
          <a:p>
            <a:pPr>
              <a:defRPr/>
            </a:pPr>
            <a:fld id="{CE904DE8-9C7B-4F29-8144-DE51679C79E7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58439005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3.xml"/><Relationship Id="rId13" Type="http://schemas.openxmlformats.org/officeDocument/2006/relationships/slideLayout" Target="../slideLayouts/slideLayout48.xml"/><Relationship Id="rId18" Type="http://schemas.openxmlformats.org/officeDocument/2006/relationships/slideLayout" Target="../slideLayouts/slideLayout53.xml"/><Relationship Id="rId26" Type="http://schemas.openxmlformats.org/officeDocument/2006/relationships/slideLayout" Target="../slideLayouts/slideLayout61.xml"/><Relationship Id="rId39" Type="http://schemas.openxmlformats.org/officeDocument/2006/relationships/slideLayout" Target="../slideLayouts/slideLayout74.xml"/><Relationship Id="rId3" Type="http://schemas.openxmlformats.org/officeDocument/2006/relationships/slideLayout" Target="../slideLayouts/slideLayout38.xml"/><Relationship Id="rId21" Type="http://schemas.openxmlformats.org/officeDocument/2006/relationships/slideLayout" Target="../slideLayouts/slideLayout56.xml"/><Relationship Id="rId34" Type="http://schemas.openxmlformats.org/officeDocument/2006/relationships/slideLayout" Target="../slideLayouts/slideLayout69.xml"/><Relationship Id="rId7" Type="http://schemas.openxmlformats.org/officeDocument/2006/relationships/slideLayout" Target="../slideLayouts/slideLayout42.xml"/><Relationship Id="rId12" Type="http://schemas.openxmlformats.org/officeDocument/2006/relationships/slideLayout" Target="../slideLayouts/slideLayout47.xml"/><Relationship Id="rId17" Type="http://schemas.openxmlformats.org/officeDocument/2006/relationships/slideLayout" Target="../slideLayouts/slideLayout52.xml"/><Relationship Id="rId25" Type="http://schemas.openxmlformats.org/officeDocument/2006/relationships/slideLayout" Target="../slideLayouts/slideLayout60.xml"/><Relationship Id="rId33" Type="http://schemas.openxmlformats.org/officeDocument/2006/relationships/slideLayout" Target="../slideLayouts/slideLayout68.xml"/><Relationship Id="rId38" Type="http://schemas.openxmlformats.org/officeDocument/2006/relationships/slideLayout" Target="../slideLayouts/slideLayout73.xml"/><Relationship Id="rId2" Type="http://schemas.openxmlformats.org/officeDocument/2006/relationships/slideLayout" Target="../slideLayouts/slideLayout37.xml"/><Relationship Id="rId16" Type="http://schemas.openxmlformats.org/officeDocument/2006/relationships/slideLayout" Target="../slideLayouts/slideLayout51.xml"/><Relationship Id="rId20" Type="http://schemas.openxmlformats.org/officeDocument/2006/relationships/slideLayout" Target="../slideLayouts/slideLayout55.xml"/><Relationship Id="rId29" Type="http://schemas.openxmlformats.org/officeDocument/2006/relationships/slideLayout" Target="../slideLayouts/slideLayout64.xml"/><Relationship Id="rId41" Type="http://schemas.openxmlformats.org/officeDocument/2006/relationships/theme" Target="../theme/theme2.xml"/><Relationship Id="rId1" Type="http://schemas.openxmlformats.org/officeDocument/2006/relationships/slideLayout" Target="../slideLayouts/slideLayout36.xml"/><Relationship Id="rId6" Type="http://schemas.openxmlformats.org/officeDocument/2006/relationships/slideLayout" Target="../slideLayouts/slideLayout41.xml"/><Relationship Id="rId11" Type="http://schemas.openxmlformats.org/officeDocument/2006/relationships/slideLayout" Target="../slideLayouts/slideLayout46.xml"/><Relationship Id="rId24" Type="http://schemas.openxmlformats.org/officeDocument/2006/relationships/slideLayout" Target="../slideLayouts/slideLayout59.xml"/><Relationship Id="rId32" Type="http://schemas.openxmlformats.org/officeDocument/2006/relationships/slideLayout" Target="../slideLayouts/slideLayout67.xml"/><Relationship Id="rId37" Type="http://schemas.openxmlformats.org/officeDocument/2006/relationships/slideLayout" Target="../slideLayouts/slideLayout72.xml"/><Relationship Id="rId40" Type="http://schemas.openxmlformats.org/officeDocument/2006/relationships/slideLayout" Target="../slideLayouts/slideLayout75.xml"/><Relationship Id="rId5" Type="http://schemas.openxmlformats.org/officeDocument/2006/relationships/slideLayout" Target="../slideLayouts/slideLayout40.xml"/><Relationship Id="rId15" Type="http://schemas.openxmlformats.org/officeDocument/2006/relationships/slideLayout" Target="../slideLayouts/slideLayout50.xml"/><Relationship Id="rId23" Type="http://schemas.openxmlformats.org/officeDocument/2006/relationships/slideLayout" Target="../slideLayouts/slideLayout58.xml"/><Relationship Id="rId28" Type="http://schemas.openxmlformats.org/officeDocument/2006/relationships/slideLayout" Target="../slideLayouts/slideLayout63.xml"/><Relationship Id="rId36" Type="http://schemas.openxmlformats.org/officeDocument/2006/relationships/slideLayout" Target="../slideLayouts/slideLayout71.xml"/><Relationship Id="rId10" Type="http://schemas.openxmlformats.org/officeDocument/2006/relationships/slideLayout" Target="../slideLayouts/slideLayout45.xml"/><Relationship Id="rId19" Type="http://schemas.openxmlformats.org/officeDocument/2006/relationships/slideLayout" Target="../slideLayouts/slideLayout54.xml"/><Relationship Id="rId31" Type="http://schemas.openxmlformats.org/officeDocument/2006/relationships/slideLayout" Target="../slideLayouts/slideLayout66.xml"/><Relationship Id="rId4" Type="http://schemas.openxmlformats.org/officeDocument/2006/relationships/slideLayout" Target="../slideLayouts/slideLayout39.xml"/><Relationship Id="rId9" Type="http://schemas.openxmlformats.org/officeDocument/2006/relationships/slideLayout" Target="../slideLayouts/slideLayout44.xml"/><Relationship Id="rId14" Type="http://schemas.openxmlformats.org/officeDocument/2006/relationships/slideLayout" Target="../slideLayouts/slideLayout49.xml"/><Relationship Id="rId22" Type="http://schemas.openxmlformats.org/officeDocument/2006/relationships/slideLayout" Target="../slideLayouts/slideLayout57.xml"/><Relationship Id="rId27" Type="http://schemas.openxmlformats.org/officeDocument/2006/relationships/slideLayout" Target="../slideLayouts/slideLayout62.xml"/><Relationship Id="rId30" Type="http://schemas.openxmlformats.org/officeDocument/2006/relationships/slideLayout" Target="../slideLayouts/slideLayout65.xml"/><Relationship Id="rId35" Type="http://schemas.openxmlformats.org/officeDocument/2006/relationships/slideLayout" Target="../slideLayouts/slideLayout7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Kanvas baggrund">
            <a:extLst>
              <a:ext uri="{FF2B5EF4-FFF2-40B4-BE49-F238E27FC236}">
                <a16:creationId xmlns:a16="http://schemas.microsoft.com/office/drawing/2014/main" id="{9EC68315-6325-E248-EBCC-F003C26E1285}"/>
              </a:ext>
            </a:extLst>
          </p:cNvPr>
          <p:cNvSpPr/>
          <p:nvPr userDrawn="1"/>
        </p:nvSpPr>
        <p:spPr>
          <a:xfrm>
            <a:off x="0" y="0"/>
            <a:ext cx="6858000" cy="12192000"/>
          </a:xfrm>
          <a:prstGeom prst="rect">
            <a:avLst/>
          </a:prstGeom>
          <a:solidFill>
            <a:srgbClr val="F5F5F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20250" rIns="40500" bIns="2025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en-GB" sz="1125" dirty="0"/>
          </a:p>
        </p:txBody>
      </p:sp>
      <p:sp>
        <p:nvSpPr>
          <p:cNvPr id="1027" name="Title Placeholder 6">
            <a:extLst>
              <a:ext uri="{FF2B5EF4-FFF2-40B4-BE49-F238E27FC236}">
                <a16:creationId xmlns:a16="http://schemas.microsoft.com/office/drawing/2014/main" id="{457E810E-55BC-961C-009B-027DD2807AC7}"/>
              </a:ext>
            </a:extLst>
          </p:cNvPr>
          <p:cNvSpPr>
            <a:spLocks noGrp="1" noChangeArrowheads="1"/>
          </p:cNvSpPr>
          <p:nvPr>
            <p:ph type="title"/>
          </p:nvPr>
        </p:nvSpPr>
        <p:spPr bwMode="auto">
          <a:xfrm>
            <a:off x="303213" y="1600200"/>
            <a:ext cx="6251575" cy="22129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altLang="da-DK"/>
              <a:t>Click to add tit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3820A9D-E62E-A6D0-A394-3CBF5228F92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03213" y="3814763"/>
            <a:ext cx="6249987" cy="7412037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noProof="0" dirty="0"/>
              <a:t>Level 1 (Enter &amp; TAB to view </a:t>
            </a:r>
            <a:r>
              <a:rPr lang="da-DK" noProof="0" dirty="0" err="1"/>
              <a:t>next</a:t>
            </a:r>
            <a:r>
              <a:rPr lang="da-DK" noProof="0" dirty="0"/>
              <a:t> </a:t>
            </a:r>
            <a:r>
              <a:rPr lang="da-DK" noProof="0" dirty="0" err="1"/>
              <a:t>text</a:t>
            </a:r>
            <a:r>
              <a:rPr lang="da-DK" noProof="0" dirty="0"/>
              <a:t> style, SHIFT+TAB to view </a:t>
            </a:r>
            <a:r>
              <a:rPr lang="da-DK" noProof="0" dirty="0" err="1"/>
              <a:t>previous</a:t>
            </a:r>
            <a:r>
              <a:rPr lang="da-DK" noProof="0" dirty="0"/>
              <a:t> </a:t>
            </a:r>
            <a:r>
              <a:rPr lang="da-DK" noProof="0" dirty="0" err="1"/>
              <a:t>text</a:t>
            </a:r>
            <a:r>
              <a:rPr lang="da-DK" noProof="0" dirty="0"/>
              <a:t> style)</a:t>
            </a:r>
          </a:p>
          <a:p>
            <a:pPr lvl="1"/>
            <a:r>
              <a:rPr lang="da-DK" noProof="0" dirty="0"/>
              <a:t>Level 2</a:t>
            </a:r>
          </a:p>
          <a:p>
            <a:pPr lvl="2"/>
            <a:r>
              <a:rPr lang="da-DK" noProof="0" dirty="0"/>
              <a:t>Level 3</a:t>
            </a:r>
          </a:p>
          <a:p>
            <a:pPr lvl="3"/>
            <a:r>
              <a:rPr lang="da-DK" noProof="0" dirty="0"/>
              <a:t>Level 4, Header</a:t>
            </a:r>
          </a:p>
          <a:p>
            <a:pPr lvl="4"/>
            <a:r>
              <a:rPr lang="da-DK" noProof="0" dirty="0"/>
              <a:t>Level 5, Body</a:t>
            </a:r>
          </a:p>
          <a:p>
            <a:pPr lvl="5"/>
            <a:r>
              <a:rPr lang="da-DK" noProof="0" dirty="0"/>
              <a:t>Level 6</a:t>
            </a:r>
          </a:p>
          <a:p>
            <a:pPr lvl="6"/>
            <a:r>
              <a:rPr lang="da-DK" noProof="0" dirty="0"/>
              <a:t>Level 7, Small Header</a:t>
            </a:r>
          </a:p>
          <a:p>
            <a:pPr lvl="7"/>
            <a:r>
              <a:rPr lang="da-DK" noProof="0" dirty="0"/>
              <a:t>Level 8, Small Body</a:t>
            </a:r>
          </a:p>
          <a:p>
            <a:pPr lvl="8"/>
            <a:r>
              <a:rPr lang="da-DK" noProof="0" dirty="0"/>
              <a:t>Level 9, </a:t>
            </a:r>
            <a:r>
              <a:rPr lang="da-DK" noProof="0" dirty="0" err="1"/>
              <a:t>Infographic</a:t>
            </a:r>
            <a:endParaRPr lang="da-DK" noProof="0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E3B59406-2096-E466-28EC-17740F66745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506413" y="639763"/>
            <a:ext cx="1208087" cy="320675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 eaLnBrk="1" fontAlgn="auto" hangingPunct="1">
              <a:spcBef>
                <a:spcPts val="0"/>
              </a:spcBef>
              <a:spcAft>
                <a:spcPts val="0"/>
              </a:spcAft>
              <a:defRPr sz="506" smtClean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C5C0BA3-F549-40DD-B1C2-2C9616E3EE4F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1D74A4D2-619A-7748-82E0-2718BAD4BAD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916113" y="639763"/>
            <a:ext cx="1949450" cy="320675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 eaLnBrk="1" fontAlgn="auto" hangingPunct="1">
              <a:spcBef>
                <a:spcPts val="0"/>
              </a:spcBef>
              <a:spcAft>
                <a:spcPts val="0"/>
              </a:spcAft>
              <a:defRPr sz="506" dirty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A78FAC29-9A47-485E-47D5-B7D042E22C8C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303213" y="639763"/>
            <a:ext cx="203200" cy="320675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 eaLnBrk="1" fontAlgn="auto" hangingPunct="1">
              <a:spcBef>
                <a:spcPts val="0"/>
              </a:spcBef>
              <a:spcAft>
                <a:spcPts val="0"/>
              </a:spcAft>
              <a:defRPr sz="506" smtClean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6729A389-776D-4F08-B749-E38173E2C17D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4" name="[WorkArea]" descr="&lt;?xml version=&quot;1.0&quot; encoding=&quot;utf-16&quot;?&gt;&#10;&lt;GridTheme xmlns:xsi=&quot;http://www.w3.org/2001/XMLSchema-instance&quot; xmlns:xsd=&quot;http://www.w3.org/2001/XMLSchema&quot;&gt;&#10;  &lt;GuideLines /&gt;&#10;  &lt;SubGrids&gt;&#10;    &lt;SubGrid&gt;&#10;      &lt;Left&gt;89.43307&lt;/Left&gt;&#10;      &lt;Top&gt;51.02362&lt;/Top&gt;&#10;      &lt;Width&gt;28.3464565&lt;/Width&gt;&#10;      &lt;Height&gt;429.448822&lt;/Height&gt;&#10;    &lt;/SubGrid&gt;&#10;    &lt;SubGrid&gt;&#10;      &lt;Left&gt;42.5196838&lt;/Left&gt;&#10;      &lt;Top&gt;51.02362&lt;/Top&gt;&#10;      &lt;Width&gt;46.9133873&lt;/Width&gt;&#10;      &lt;Height&gt;429.448822&lt;/Height&gt;&#10;    &lt;/SubGrid&gt;&#10;    &lt;SubGrid&gt;&#10;      &lt;Left&gt;164.692917&lt;/Left&gt;&#10;      &lt;Top&gt;51.02362&lt;/Top&gt;&#10;      &lt;Width&gt;28.3464565&lt;/Width&gt;&#10;      &lt;Height&gt;429.448822&lt;/Height&gt;&#10;    &lt;/SubGrid&gt;&#10;    &lt;SubGrid&gt;&#10;      &lt;Left&gt;117.779526&lt;/Left&gt;&#10;      &lt;Top&gt;51.02362&lt;/Top&gt;&#10;      &lt;Width&gt;46.9133873&lt;/Width&gt;&#10;      &lt;Height&gt;429.448822&lt;/Height&gt;&#10;    &lt;/SubGrid&gt;&#10;    &lt;SubGrid&gt;&#10;      &lt;Left&gt;193.039368&lt;/Left&gt;&#10;      &lt;Top&gt;51.02362&lt;/Top&gt;&#10;      &lt;Width&gt;46.9133873&lt;/Width&gt;&#10;      &lt;Height&gt;429.448822&lt;/Height&gt;&#10;    &lt;/SubGrid&gt;&#10;    &lt;SubGrid&gt;&#10;      &lt;Left&gt;239.952759&lt;/Left&gt;&#10;      &lt;Top&gt;51.02362&lt;/Top&gt;&#10;      &lt;Width&gt;28.3464565&lt;/Width&gt;&#10;      &lt;Height&gt;429.448822&lt;/Height&gt;&#10;    &lt;/SubGrid&gt;&#10;    &lt;SubGrid&gt;&#10;      &lt;Left&gt;268.299225&lt;/Left&gt;&#10;      &lt;Top&gt;51.02362&lt;/Top&gt;&#10;      &lt;Width&gt;46.9133873&lt;/Width&gt;&#10;      &lt;Height&gt;429.448822&lt;/Height&gt;&#10;    &lt;/SubGrid&gt;&#10;    &lt;SubGrid&gt;&#10;      &lt;Left&gt;315.2126&lt;/Left&gt;&#10;      &lt;Top&gt;51.02362&lt;/Top&gt;&#10;      &lt;Width&gt;28.3464565&lt;/Width&gt;&#10;      &lt;Height&gt;429.448822&lt;/Height&gt;&#10;    &lt;/SubGrid&gt;&#10;    &lt;SubGrid&gt;&#10;      &lt;Left&gt;390.472443&lt;/Left&gt;&#10;      &lt;Top&gt;51.02362&lt;/Top&gt;&#10;      &lt;Width&gt;28.3464565&lt;/Width&gt;&#10;      &lt;Height&gt;429.448822&lt;/Height&gt;&#10;    &lt;/SubGrid&gt;&#10;    &lt;SubGrid&gt;&#10;      &lt;Left&gt;343.559052&lt;/Left&gt;&#10;      &lt;Top&gt;51.02362&lt;/Top&gt;&#10;      &lt;Width&gt;46.9133873&lt;/Width&gt;&#10;      &lt;Height&gt;429.448822&lt;/Height&gt;&#10;    &lt;/SubGrid&gt;&#10;    &lt;SubGrid&gt;&#10;      &lt;Left&gt;418.8189&lt;/Left&gt;&#10;      &lt;Top&gt;51.02362&lt;/Top&gt;&#10;      &lt;Width&gt;46.9133873&lt;/Width&gt;&#10;      &lt;Height&gt;429.448822&lt;/Height&gt;&#10;    &lt;/SubGrid&gt;&#10;    &lt;SubGrid&gt;&#10;      &lt;Left&gt;465.732269&lt;/Left&gt;&#10;      &lt;Top&gt;51.02362&lt;/Top&gt;&#10;      &lt;Width&gt;28.3464565&lt;/Width&gt;&#10;      &lt;Height&gt;429.448822&lt;/Height&gt;&#10;    &lt;/SubGrid&gt;&#10;    &lt;SubGrid&gt;&#10;      &lt;Left&gt;494.078735&lt;/Left&gt;&#10;      &lt;Top&gt;51.02362&lt;/Top&gt;&#10;      &lt;Width&gt;46.9133873&lt;/Width&gt;&#10;      &lt;Height&gt;429.448822&lt;/Height&gt;&#10;    &lt;/SubGrid&gt;&#10;    &lt;SubGrid&gt;&#10;      &lt;Left&gt;540.9921&lt;/Left&gt;&#10;      &lt;Top&gt;51.02362&lt;/Top&gt;&#10;      &lt;Width&gt;28.3464565&lt;/Width&gt;&#10;      &lt;Height&gt;429.448822&lt;/Height&gt;&#10;    &lt;/SubGrid&gt;&#10;    &lt;SubGrid&gt;&#10;      &lt;Left&gt;569.338562&lt;/Left&gt;&#10;      &lt;Top&gt;51.02362&lt;/Top&gt;&#10;      &lt;Width&gt;46.9133873&lt;/Width&gt;&#10;      &lt;Height&gt;429.448822&lt;/Height&gt;&#10;    &lt;/SubGrid&gt;&#10;    &lt;SubGrid&gt;&#10;      &lt;Left&gt;616.251953&lt;/Left&gt;&#10;      &lt;Top&gt;51.02362&lt;/Top&gt;&#10;      &lt;Width&gt;28.3464565&lt;/Width&gt;&#10;      &lt;Height&gt;429.448822&lt;/Height&gt;&#10;    &lt;/SubGrid&gt;&#10;    &lt;SubGrid&gt;&#10;      &lt;Left&gt;644.5804&lt;/Left&gt;&#10;      &lt;Top&gt;51.02362&lt;/Top&gt;&#10;      &lt;Width&gt;46.9133873&lt;/Width&gt;&#10;      &lt;Height&gt;429.448822&lt;/Height&gt;&#10;    &lt;/SubGrid&gt;&#10;    &lt;SubGrid&gt;&#10;      &lt;Left&gt;691.4938&lt;/Left&gt;&#10;      &lt;Top&gt;51.02362&lt;/Top&gt;&#10;      &lt;Width&gt;28.3464565&lt;/Width&gt;&#10;      &lt;Height&gt;429.448822&lt;/Height&gt;&#10;    &lt;/SubGrid&gt;&#10;    &lt;SubGrid&gt;&#10;      &lt;Left&gt;719.8222&lt;/Left&gt;&#10;      &lt;Top&gt;51.02362&lt;/Top&gt;&#10;      &lt;Width&gt;46.9133873&lt;/Width&gt;&#10;      &lt;Height&gt;429.448822&lt;/Height&gt;&#10;    &lt;/SubGrid&gt;&#10;    &lt;SubGrid&gt;&#10;      &lt;Left&gt;766.7356&lt;/Left&gt;&#10;      &lt;Top&gt;51.02362&lt;/Top&gt;&#10;      &lt;Width&gt;28.3464565&lt;/Width&gt;&#10;      &lt;Height&gt;429.448822&lt;/Height&gt;&#10;    &lt;/SubGrid&gt;&#10;    &lt;SubGrid&gt;&#10;      &lt;Left&gt;795.064&lt;/Left&gt;&#10;      &lt;Top&gt;51.02362&lt;/Top&gt;&#10;      &lt;Width&gt;46.9133873&lt;/Width&gt;&#10;      &lt;Height&gt;429.448822&lt;/Height&gt;&#10;    &lt;/SubGrid&gt;&#10;    &lt;SubGrid&gt;&#10;      &lt;Left&gt;841.9774&lt;/Left&gt;&#10;      &lt;Top&gt;51.02362&lt;/Top&gt;&#10;      &lt;Width&gt;28.3464565&lt;/Width&gt;&#10;      &lt;Height&gt;429.448822&lt;/Height&gt;&#10;    &lt;/SubGrid&gt;&#10;    &lt;SubGrid&gt;&#10;      &lt;Left&gt;870.305847&lt;/Left&gt;&#10;      &lt;Top&gt;51.02362&lt;/Top&gt;&#10;      &lt;Width&gt;46.9133873&lt;/Width&gt;&#10;      &lt;Height&gt;429.448822&lt;/Height&gt;&#10;    &lt;/SubGrid&gt;&#10;  &lt;/SubGrids&gt;&#10;  &lt;WorkArea&gt;&#10;    &lt;Top&gt;51.02362&lt;/Top&gt;&#10;    &lt;Left&gt;42.5196838&lt;/Left&gt;&#10;    &lt;Width&gt;874.960632&lt;/Width&gt;&#10;    &lt;Height&gt;429.448822&lt;/Height&gt;&#10;  &lt;/WorkArea&gt;&#10;  &lt;AspectW&gt;16&lt;/AspectW&gt;&#10;  &lt;AspectH&gt;9&lt;/AspectH&gt;&#10;  &lt;Width&gt;960&lt;/Width&gt;&#10;  &lt;Height&gt;540&lt;/Height&gt;&#10;  &lt;HGap&gt;10&lt;/HGap&gt;&#10;  &lt;VGap&gt;10&lt;/VGap&gt;&#10;  &lt;OfficeVersion&gt;16&lt;/OfficeVersion&gt;&#10;&lt;/GridTheme&gt;" hidden="1">
            <a:extLst>
              <a:ext uri="{FF2B5EF4-FFF2-40B4-BE49-F238E27FC236}">
                <a16:creationId xmlns:a16="http://schemas.microsoft.com/office/drawing/2014/main" id="{C1A165ED-B697-6FD2-3789-9CBF7D5481D5}"/>
              </a:ext>
            </a:extLst>
          </p:cNvPr>
          <p:cNvSpPr/>
          <p:nvPr userDrawn="1"/>
        </p:nvSpPr>
        <p:spPr>
          <a:xfrm>
            <a:off x="303213" y="639763"/>
            <a:ext cx="6251575" cy="10912475"/>
          </a:xfrm>
          <a:prstGeom prst="rect">
            <a:avLst/>
          </a:prstGeom>
          <a:solidFill>
            <a:srgbClr val="EAEAEA">
              <a:alpha val="50000"/>
            </a:srgbClr>
          </a:solidFill>
          <a:ln w="12700" cap="flat" cmpd="sng" algn="ctr">
            <a:solidFill>
              <a:schemeClr val="accent1">
                <a:alpha val="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20250" rIns="40500" bIns="2025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125" dirty="0"/>
          </a:p>
        </p:txBody>
      </p:sp>
      <p:sp>
        <p:nvSpPr>
          <p:cNvPr id="33" name="Logo">
            <a:extLst>
              <a:ext uri="{FF2B5EF4-FFF2-40B4-BE49-F238E27FC236}">
                <a16:creationId xmlns:a16="http://schemas.microsoft.com/office/drawing/2014/main" id="{77DC515B-AD3B-D2A3-FD25-921CA5CEC34F}"/>
              </a:ext>
            </a:extLst>
          </p:cNvPr>
          <p:cNvSpPr/>
          <p:nvPr userDrawn="1"/>
        </p:nvSpPr>
        <p:spPr>
          <a:xfrm>
            <a:off x="6197600" y="639763"/>
            <a:ext cx="355600" cy="635000"/>
          </a:xfrm>
          <a:custGeom>
            <a:avLst/>
            <a:gdLst>
              <a:gd name="connsiteX0" fmla="*/ 3991223 w 5553123"/>
              <a:gd name="connsiteY0" fmla="*/ 1407246 h 3128654"/>
              <a:gd name="connsiteX1" fmla="*/ 3430346 w 5553123"/>
              <a:gd name="connsiteY1" fmla="*/ 1968030 h 3128654"/>
              <a:gd name="connsiteX2" fmla="*/ 3597555 w 5553123"/>
              <a:gd name="connsiteY2" fmla="*/ 1999879 h 3128654"/>
              <a:gd name="connsiteX3" fmla="*/ 4017277 w 5553123"/>
              <a:gd name="connsiteY3" fmla="*/ 1565700 h 3128654"/>
              <a:gd name="connsiteX4" fmla="*/ 4017243 w 5553123"/>
              <a:gd name="connsiteY4" fmla="*/ 1565803 h 3128654"/>
              <a:gd name="connsiteX5" fmla="*/ 3991223 w 5553123"/>
              <a:gd name="connsiteY5" fmla="*/ 1407246 h 3128654"/>
              <a:gd name="connsiteX6" fmla="*/ 3597692 w 5553123"/>
              <a:gd name="connsiteY6" fmla="*/ 1131487 h 3128654"/>
              <a:gd name="connsiteX7" fmla="*/ 3172031 w 5553123"/>
              <a:gd name="connsiteY7" fmla="*/ 1565700 h 3128654"/>
              <a:gd name="connsiteX8" fmla="*/ 3171997 w 5553123"/>
              <a:gd name="connsiteY8" fmla="*/ 1565803 h 3128654"/>
              <a:gd name="connsiteX9" fmla="*/ 3197296 w 5553123"/>
              <a:gd name="connsiteY9" fmla="*/ 1722061 h 3128654"/>
              <a:gd name="connsiteX10" fmla="*/ 3757830 w 5553123"/>
              <a:gd name="connsiteY10" fmla="*/ 1161723 h 3128654"/>
              <a:gd name="connsiteX11" fmla="*/ 3597692 w 5553123"/>
              <a:gd name="connsiteY11" fmla="*/ 1131487 h 3128654"/>
              <a:gd name="connsiteX12" fmla="*/ 2205438 w 5553123"/>
              <a:gd name="connsiteY12" fmla="*/ 837298 h 3128654"/>
              <a:gd name="connsiteX13" fmla="*/ 2590180 w 5553123"/>
              <a:gd name="connsiteY13" fmla="*/ 837298 h 3128654"/>
              <a:gd name="connsiteX14" fmla="*/ 2590180 w 5553123"/>
              <a:gd name="connsiteY14" fmla="*/ 2548651 h 3128654"/>
              <a:gd name="connsiteX15" fmla="*/ 2015984 w 5553123"/>
              <a:gd name="connsiteY15" fmla="*/ 3128654 h 3128654"/>
              <a:gd name="connsiteX16" fmla="*/ 1756572 w 5553123"/>
              <a:gd name="connsiteY16" fmla="*/ 3073262 h 3128654"/>
              <a:gd name="connsiteX17" fmla="*/ 1844038 w 5553123"/>
              <a:gd name="connsiteY17" fmla="*/ 2761571 h 3128654"/>
              <a:gd name="connsiteX18" fmla="*/ 1989724 w 5553123"/>
              <a:gd name="connsiteY18" fmla="*/ 2787791 h 3128654"/>
              <a:gd name="connsiteX19" fmla="*/ 2205438 w 5553123"/>
              <a:gd name="connsiteY19" fmla="*/ 2548857 h 3128654"/>
              <a:gd name="connsiteX20" fmla="*/ 4139105 w 5553123"/>
              <a:gd name="connsiteY20" fmla="*/ 780499 h 3128654"/>
              <a:gd name="connsiteX21" fmla="*/ 4378642 w 5553123"/>
              <a:gd name="connsiteY21" fmla="*/ 1020017 h 3128654"/>
              <a:gd name="connsiteX22" fmla="*/ 4263474 w 5553123"/>
              <a:gd name="connsiteY22" fmla="*/ 1135365 h 3128654"/>
              <a:gd name="connsiteX23" fmla="*/ 4390485 w 5553123"/>
              <a:gd name="connsiteY23" fmla="*/ 1565769 h 3128654"/>
              <a:gd name="connsiteX24" fmla="*/ 3597520 w 5553123"/>
              <a:gd name="connsiteY24" fmla="*/ 2335080 h 3128654"/>
              <a:gd name="connsiteX25" fmla="*/ 3173748 w 5553123"/>
              <a:gd name="connsiteY25" fmla="*/ 2224604 h 3128654"/>
              <a:gd name="connsiteX26" fmla="*/ 3050169 w 5553123"/>
              <a:gd name="connsiteY26" fmla="*/ 2348155 h 3128654"/>
              <a:gd name="connsiteX27" fmla="*/ 2810563 w 5553123"/>
              <a:gd name="connsiteY27" fmla="*/ 2108707 h 3128654"/>
              <a:gd name="connsiteX28" fmla="*/ 2925320 w 5553123"/>
              <a:gd name="connsiteY28" fmla="*/ 1993976 h 3128654"/>
              <a:gd name="connsiteX29" fmla="*/ 2798892 w 5553123"/>
              <a:gd name="connsiteY29" fmla="*/ 1565838 h 3128654"/>
              <a:gd name="connsiteX30" fmla="*/ 3597486 w 5553123"/>
              <a:gd name="connsiteY30" fmla="*/ 793644 h 3128654"/>
              <a:gd name="connsiteX31" fmla="*/ 4015526 w 5553123"/>
              <a:gd name="connsiteY31" fmla="*/ 904050 h 3128654"/>
              <a:gd name="connsiteX32" fmla="*/ 396379 w 5553123"/>
              <a:gd name="connsiteY32" fmla="*/ 435140 h 3128654"/>
              <a:gd name="connsiteX33" fmla="*/ 396379 w 5553123"/>
              <a:gd name="connsiteY33" fmla="*/ 1932956 h 3128654"/>
              <a:gd name="connsiteX34" fmla="*/ 846344 w 5553123"/>
              <a:gd name="connsiteY34" fmla="*/ 1932956 h 3128654"/>
              <a:gd name="connsiteX35" fmla="*/ 1601274 w 5553123"/>
              <a:gd name="connsiteY35" fmla="*/ 1184065 h 3128654"/>
              <a:gd name="connsiteX36" fmla="*/ 846344 w 5553123"/>
              <a:gd name="connsiteY36" fmla="*/ 435140 h 3128654"/>
              <a:gd name="connsiteX37" fmla="*/ 0 w 5553123"/>
              <a:gd name="connsiteY37" fmla="*/ 76739 h 3128654"/>
              <a:gd name="connsiteX38" fmla="*/ 820049 w 5553123"/>
              <a:gd name="connsiteY38" fmla="*/ 76739 h 3128654"/>
              <a:gd name="connsiteX39" fmla="*/ 2000502 w 5553123"/>
              <a:gd name="connsiteY39" fmla="*/ 1184065 h 3128654"/>
              <a:gd name="connsiteX40" fmla="*/ 820049 w 5553123"/>
              <a:gd name="connsiteY40" fmla="*/ 2291391 h 3128654"/>
              <a:gd name="connsiteX41" fmla="*/ 0 w 5553123"/>
              <a:gd name="connsiteY41" fmla="*/ 2291391 h 3128654"/>
              <a:gd name="connsiteX42" fmla="*/ 5214998 w 5553123"/>
              <a:gd name="connsiteY42" fmla="*/ 0 h 3128654"/>
              <a:gd name="connsiteX43" fmla="*/ 5474410 w 5553123"/>
              <a:gd name="connsiteY43" fmla="*/ 55393 h 3128654"/>
              <a:gd name="connsiteX44" fmla="*/ 5386944 w 5553123"/>
              <a:gd name="connsiteY44" fmla="*/ 367187 h 3128654"/>
              <a:gd name="connsiteX45" fmla="*/ 5241258 w 5553123"/>
              <a:gd name="connsiteY45" fmla="*/ 340932 h 3128654"/>
              <a:gd name="connsiteX46" fmla="*/ 5025544 w 5553123"/>
              <a:gd name="connsiteY46" fmla="*/ 579901 h 3128654"/>
              <a:gd name="connsiteX47" fmla="*/ 5025544 w 5553123"/>
              <a:gd name="connsiteY47" fmla="*/ 837299 h 3128654"/>
              <a:gd name="connsiteX48" fmla="*/ 5553123 w 5553123"/>
              <a:gd name="connsiteY48" fmla="*/ 837402 h 3128654"/>
              <a:gd name="connsiteX49" fmla="*/ 5553123 w 5553123"/>
              <a:gd name="connsiteY49" fmla="*/ 1152113 h 3128654"/>
              <a:gd name="connsiteX50" fmla="*/ 5025544 w 5553123"/>
              <a:gd name="connsiteY50" fmla="*/ 1152113 h 3128654"/>
              <a:gd name="connsiteX51" fmla="*/ 5025544 w 5553123"/>
              <a:gd name="connsiteY51" fmla="*/ 2291528 h 3128654"/>
              <a:gd name="connsiteX52" fmla="*/ 4640802 w 5553123"/>
              <a:gd name="connsiteY52" fmla="*/ 2291528 h 3128654"/>
              <a:gd name="connsiteX53" fmla="*/ 4640802 w 5553123"/>
              <a:gd name="connsiteY53" fmla="*/ 1152113 h 3128654"/>
              <a:gd name="connsiteX54" fmla="*/ 4423612 w 5553123"/>
              <a:gd name="connsiteY54" fmla="*/ 1152113 h 3128654"/>
              <a:gd name="connsiteX55" fmla="*/ 4423612 w 5553123"/>
              <a:gd name="connsiteY55" fmla="*/ 837402 h 3128654"/>
              <a:gd name="connsiteX56" fmla="*/ 4640802 w 5553123"/>
              <a:gd name="connsiteY56" fmla="*/ 837402 h 3128654"/>
              <a:gd name="connsiteX57" fmla="*/ 4640802 w 5553123"/>
              <a:gd name="connsiteY57" fmla="*/ 580004 h 3128654"/>
              <a:gd name="connsiteX58" fmla="*/ 5214998 w 5553123"/>
              <a:gd name="connsiteY58" fmla="*/ 0 h 31286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5553123" h="3128654">
                <a:moveTo>
                  <a:pt x="3991223" y="1407246"/>
                </a:moveTo>
                <a:lnTo>
                  <a:pt x="3430346" y="1968030"/>
                </a:lnTo>
                <a:cubicBezTo>
                  <a:pt x="3483553" y="1989213"/>
                  <a:pt x="3540297" y="2000023"/>
                  <a:pt x="3597555" y="1999879"/>
                </a:cubicBezTo>
                <a:cubicBezTo>
                  <a:pt x="3819070" y="1999879"/>
                  <a:pt x="4017277" y="1836826"/>
                  <a:pt x="4017277" y="1565700"/>
                </a:cubicBezTo>
                <a:lnTo>
                  <a:pt x="4017243" y="1565803"/>
                </a:lnTo>
                <a:cubicBezTo>
                  <a:pt x="4017518" y="1511866"/>
                  <a:pt x="4008729" y="1458269"/>
                  <a:pt x="3991223" y="1407246"/>
                </a:cubicBezTo>
                <a:close/>
                <a:moveTo>
                  <a:pt x="3597692" y="1131487"/>
                </a:moveTo>
                <a:cubicBezTo>
                  <a:pt x="3370204" y="1131487"/>
                  <a:pt x="3172031" y="1294574"/>
                  <a:pt x="3172031" y="1565700"/>
                </a:cubicBezTo>
                <a:lnTo>
                  <a:pt x="3171997" y="1565803"/>
                </a:lnTo>
                <a:cubicBezTo>
                  <a:pt x="3171757" y="1618927"/>
                  <a:pt x="3180304" y="1671724"/>
                  <a:pt x="3197296" y="1722061"/>
                </a:cubicBezTo>
                <a:lnTo>
                  <a:pt x="3757830" y="1161723"/>
                </a:lnTo>
                <a:cubicBezTo>
                  <a:pt x="3706819" y="1141649"/>
                  <a:pt x="3652513" y="1131391"/>
                  <a:pt x="3597692" y="1131487"/>
                </a:cubicBezTo>
                <a:close/>
                <a:moveTo>
                  <a:pt x="2205438" y="837298"/>
                </a:moveTo>
                <a:lnTo>
                  <a:pt x="2590180" y="837298"/>
                </a:lnTo>
                <a:lnTo>
                  <a:pt x="2590180" y="2548651"/>
                </a:lnTo>
                <a:cubicBezTo>
                  <a:pt x="2590180" y="2895520"/>
                  <a:pt x="2359911" y="3128654"/>
                  <a:pt x="2015984" y="3128654"/>
                </a:cubicBezTo>
                <a:cubicBezTo>
                  <a:pt x="1922717" y="3128654"/>
                  <a:pt x="1838202" y="3111014"/>
                  <a:pt x="1756572" y="3073262"/>
                </a:cubicBezTo>
                <a:lnTo>
                  <a:pt x="1844038" y="2761571"/>
                </a:lnTo>
                <a:cubicBezTo>
                  <a:pt x="1896456" y="2779074"/>
                  <a:pt x="1948909" y="2787791"/>
                  <a:pt x="1989724" y="2787791"/>
                </a:cubicBezTo>
                <a:cubicBezTo>
                  <a:pt x="2118006" y="2787791"/>
                  <a:pt x="2205438" y="2691627"/>
                  <a:pt x="2205438" y="2548857"/>
                </a:cubicBezTo>
                <a:close/>
                <a:moveTo>
                  <a:pt x="4139105" y="780499"/>
                </a:moveTo>
                <a:lnTo>
                  <a:pt x="4378642" y="1020017"/>
                </a:lnTo>
                <a:lnTo>
                  <a:pt x="4263474" y="1135365"/>
                </a:lnTo>
                <a:cubicBezTo>
                  <a:pt x="4343457" y="1255038"/>
                  <a:pt x="4390485" y="1401034"/>
                  <a:pt x="4390485" y="1565769"/>
                </a:cubicBezTo>
                <a:cubicBezTo>
                  <a:pt x="4390485" y="2023285"/>
                  <a:pt x="4028880" y="2335080"/>
                  <a:pt x="3597520" y="2335080"/>
                </a:cubicBezTo>
                <a:cubicBezTo>
                  <a:pt x="3442429" y="2335080"/>
                  <a:pt x="3296983" y="2295681"/>
                  <a:pt x="3173748" y="2224604"/>
                </a:cubicBezTo>
                <a:lnTo>
                  <a:pt x="3050169" y="2348155"/>
                </a:lnTo>
                <a:lnTo>
                  <a:pt x="2810563" y="2108707"/>
                </a:lnTo>
                <a:lnTo>
                  <a:pt x="2925320" y="1993976"/>
                </a:lnTo>
                <a:cubicBezTo>
                  <a:pt x="2845543" y="1875058"/>
                  <a:pt x="2798892" y="1729886"/>
                  <a:pt x="2798892" y="1565838"/>
                </a:cubicBezTo>
                <a:cubicBezTo>
                  <a:pt x="2798892" y="1108390"/>
                  <a:pt x="3160291" y="793644"/>
                  <a:pt x="3597486" y="793644"/>
                </a:cubicBezTo>
                <a:cubicBezTo>
                  <a:pt x="3749866" y="793644"/>
                  <a:pt x="3893424" y="833077"/>
                  <a:pt x="4015526" y="904050"/>
                </a:cubicBezTo>
                <a:close/>
                <a:moveTo>
                  <a:pt x="396379" y="435140"/>
                </a:moveTo>
                <a:lnTo>
                  <a:pt x="396379" y="1932956"/>
                </a:lnTo>
                <a:lnTo>
                  <a:pt x="846344" y="1932956"/>
                </a:lnTo>
                <a:cubicBezTo>
                  <a:pt x="1298059" y="1932956"/>
                  <a:pt x="1601274" y="1632830"/>
                  <a:pt x="1601274" y="1184065"/>
                </a:cubicBezTo>
                <a:cubicBezTo>
                  <a:pt x="1601274" y="735300"/>
                  <a:pt x="1298128" y="435140"/>
                  <a:pt x="846344" y="435140"/>
                </a:cubicBezTo>
                <a:close/>
                <a:moveTo>
                  <a:pt x="0" y="76739"/>
                </a:moveTo>
                <a:lnTo>
                  <a:pt x="820049" y="76739"/>
                </a:lnTo>
                <a:cubicBezTo>
                  <a:pt x="1528328" y="76739"/>
                  <a:pt x="2000502" y="519670"/>
                  <a:pt x="2000502" y="1184065"/>
                </a:cubicBezTo>
                <a:cubicBezTo>
                  <a:pt x="2000502" y="1848460"/>
                  <a:pt x="1528328" y="2291391"/>
                  <a:pt x="820049" y="2291391"/>
                </a:cubicBezTo>
                <a:lnTo>
                  <a:pt x="0" y="2291391"/>
                </a:lnTo>
                <a:close/>
                <a:moveTo>
                  <a:pt x="5214998" y="0"/>
                </a:moveTo>
                <a:cubicBezTo>
                  <a:pt x="5308265" y="0"/>
                  <a:pt x="5392780" y="17641"/>
                  <a:pt x="5474410" y="55393"/>
                </a:cubicBezTo>
                <a:lnTo>
                  <a:pt x="5386944" y="367187"/>
                </a:lnTo>
                <a:cubicBezTo>
                  <a:pt x="5334526" y="349684"/>
                  <a:pt x="5282074" y="340932"/>
                  <a:pt x="5241258" y="340932"/>
                </a:cubicBezTo>
                <a:cubicBezTo>
                  <a:pt x="5112976" y="340932"/>
                  <a:pt x="5025544" y="437131"/>
                  <a:pt x="5025544" y="579901"/>
                </a:cubicBezTo>
                <a:lnTo>
                  <a:pt x="5025544" y="837299"/>
                </a:lnTo>
                <a:lnTo>
                  <a:pt x="5553123" y="837402"/>
                </a:lnTo>
                <a:lnTo>
                  <a:pt x="5553123" y="1152113"/>
                </a:lnTo>
                <a:lnTo>
                  <a:pt x="5025544" y="1152113"/>
                </a:lnTo>
                <a:lnTo>
                  <a:pt x="5025544" y="2291528"/>
                </a:lnTo>
                <a:lnTo>
                  <a:pt x="4640802" y="2291528"/>
                </a:lnTo>
                <a:lnTo>
                  <a:pt x="4640802" y="1152113"/>
                </a:lnTo>
                <a:lnTo>
                  <a:pt x="4423612" y="1152113"/>
                </a:lnTo>
                <a:lnTo>
                  <a:pt x="4423612" y="837402"/>
                </a:lnTo>
                <a:lnTo>
                  <a:pt x="4640802" y="837402"/>
                </a:lnTo>
                <a:lnTo>
                  <a:pt x="4640802" y="580004"/>
                </a:lnTo>
                <a:cubicBezTo>
                  <a:pt x="4640802" y="233134"/>
                  <a:pt x="4871070" y="0"/>
                  <a:pt x="5214998" y="0"/>
                </a:cubicBezTo>
                <a:close/>
              </a:path>
            </a:pathLst>
          </a:custGeom>
          <a:solidFill>
            <a:srgbClr val="1D1D1B"/>
          </a:solidFill>
          <a:ln w="3432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940" r:id="rId1"/>
    <p:sldLayoutId id="2147483941" r:id="rId2"/>
    <p:sldLayoutId id="2147483942" r:id="rId3"/>
    <p:sldLayoutId id="2147483943" r:id="rId4"/>
    <p:sldLayoutId id="2147483944" r:id="rId5"/>
    <p:sldLayoutId id="2147483945" r:id="rId6"/>
    <p:sldLayoutId id="2147483946" r:id="rId7"/>
    <p:sldLayoutId id="2147483947" r:id="rId8"/>
    <p:sldLayoutId id="2147483948" r:id="rId9"/>
    <p:sldLayoutId id="2147483949" r:id="rId10"/>
    <p:sldLayoutId id="2147483950" r:id="rId11"/>
    <p:sldLayoutId id="2147483951" r:id="rId12"/>
    <p:sldLayoutId id="2147483952" r:id="rId13"/>
    <p:sldLayoutId id="2147483953" r:id="rId14"/>
    <p:sldLayoutId id="2147483954" r:id="rId15"/>
    <p:sldLayoutId id="2147483955" r:id="rId16"/>
    <p:sldLayoutId id="2147483956" r:id="rId17"/>
    <p:sldLayoutId id="2147483957" r:id="rId18"/>
    <p:sldLayoutId id="2147483958" r:id="rId19"/>
    <p:sldLayoutId id="2147483959" r:id="rId20"/>
    <p:sldLayoutId id="2147483935" r:id="rId21"/>
    <p:sldLayoutId id="2147483936" r:id="rId22"/>
    <p:sldLayoutId id="2147483937" r:id="rId23"/>
    <p:sldLayoutId id="2147483960" r:id="rId24"/>
    <p:sldLayoutId id="2147483961" r:id="rId25"/>
    <p:sldLayoutId id="2147483962" r:id="rId26"/>
    <p:sldLayoutId id="2147483963" r:id="rId27"/>
    <p:sldLayoutId id="2147483964" r:id="rId28"/>
    <p:sldLayoutId id="2147483938" r:id="rId29"/>
    <p:sldLayoutId id="2147483939" r:id="rId30"/>
    <p:sldLayoutId id="2147483965" r:id="rId31"/>
    <p:sldLayoutId id="2147483966" r:id="rId32"/>
    <p:sldLayoutId id="2147483967" r:id="rId33"/>
    <p:sldLayoutId id="2147483968" r:id="rId34"/>
    <p:sldLayoutId id="2147483969" r:id="rId35"/>
  </p:sldLayoutIdLst>
  <p:hf hdr="0" ftr="0"/>
  <p:txStyles>
    <p:titleStyle>
      <a:lvl1pPr algn="l" defTabSz="514350" rtl="0" fontAlgn="base">
        <a:spcBef>
          <a:spcPct val="0"/>
        </a:spcBef>
        <a:spcAft>
          <a:spcPct val="0"/>
        </a:spcAft>
        <a:defRPr b="1" kern="1200">
          <a:solidFill>
            <a:schemeClr val="tx1"/>
          </a:solidFill>
          <a:latin typeface="+mj-lt"/>
          <a:ea typeface="+mj-ea"/>
          <a:cs typeface="+mj-cs"/>
        </a:defRPr>
      </a:lvl1pPr>
      <a:lvl2pPr algn="l" defTabSz="514350" rtl="0" fontAlgn="base">
        <a:spcBef>
          <a:spcPct val="0"/>
        </a:spcBef>
        <a:spcAft>
          <a:spcPct val="0"/>
        </a:spcAft>
        <a:defRPr b="1">
          <a:solidFill>
            <a:schemeClr val="tx1"/>
          </a:solidFill>
          <a:latin typeface="Djoef Offc" charset="0"/>
        </a:defRPr>
      </a:lvl2pPr>
      <a:lvl3pPr algn="l" defTabSz="514350" rtl="0" fontAlgn="base">
        <a:spcBef>
          <a:spcPct val="0"/>
        </a:spcBef>
        <a:spcAft>
          <a:spcPct val="0"/>
        </a:spcAft>
        <a:defRPr b="1">
          <a:solidFill>
            <a:schemeClr val="tx1"/>
          </a:solidFill>
          <a:latin typeface="Djoef Offc" charset="0"/>
        </a:defRPr>
      </a:lvl3pPr>
      <a:lvl4pPr algn="l" defTabSz="514350" rtl="0" fontAlgn="base">
        <a:spcBef>
          <a:spcPct val="0"/>
        </a:spcBef>
        <a:spcAft>
          <a:spcPct val="0"/>
        </a:spcAft>
        <a:defRPr b="1">
          <a:solidFill>
            <a:schemeClr val="tx1"/>
          </a:solidFill>
          <a:latin typeface="Djoef Offc" charset="0"/>
        </a:defRPr>
      </a:lvl4pPr>
      <a:lvl5pPr algn="l" defTabSz="514350" rtl="0" fontAlgn="base">
        <a:spcBef>
          <a:spcPct val="0"/>
        </a:spcBef>
        <a:spcAft>
          <a:spcPct val="0"/>
        </a:spcAft>
        <a:defRPr b="1">
          <a:solidFill>
            <a:schemeClr val="tx1"/>
          </a:solidFill>
          <a:latin typeface="Djoef Offc" charset="0"/>
        </a:defRPr>
      </a:lvl5pPr>
      <a:lvl6pPr marL="457200" algn="l" defTabSz="514350" rtl="0" fontAlgn="base">
        <a:spcBef>
          <a:spcPct val="0"/>
        </a:spcBef>
        <a:spcAft>
          <a:spcPct val="0"/>
        </a:spcAft>
        <a:defRPr b="1">
          <a:solidFill>
            <a:schemeClr val="tx1"/>
          </a:solidFill>
          <a:latin typeface="Djoef Offc" charset="0"/>
        </a:defRPr>
      </a:lvl6pPr>
      <a:lvl7pPr marL="914400" algn="l" defTabSz="514350" rtl="0" fontAlgn="base">
        <a:spcBef>
          <a:spcPct val="0"/>
        </a:spcBef>
        <a:spcAft>
          <a:spcPct val="0"/>
        </a:spcAft>
        <a:defRPr b="1">
          <a:solidFill>
            <a:schemeClr val="tx1"/>
          </a:solidFill>
          <a:latin typeface="Djoef Offc" charset="0"/>
        </a:defRPr>
      </a:lvl7pPr>
      <a:lvl8pPr marL="1371600" algn="l" defTabSz="514350" rtl="0" fontAlgn="base">
        <a:spcBef>
          <a:spcPct val="0"/>
        </a:spcBef>
        <a:spcAft>
          <a:spcPct val="0"/>
        </a:spcAft>
        <a:defRPr b="1">
          <a:solidFill>
            <a:schemeClr val="tx1"/>
          </a:solidFill>
          <a:latin typeface="Djoef Offc" charset="0"/>
        </a:defRPr>
      </a:lvl8pPr>
      <a:lvl9pPr marL="1828800" algn="l" defTabSz="514350" rtl="0" fontAlgn="base">
        <a:spcBef>
          <a:spcPct val="0"/>
        </a:spcBef>
        <a:spcAft>
          <a:spcPct val="0"/>
        </a:spcAft>
        <a:defRPr b="1">
          <a:solidFill>
            <a:schemeClr val="tx1"/>
          </a:solidFill>
          <a:latin typeface="Djoef Offc" charset="0"/>
        </a:defRPr>
      </a:lvl9pPr>
    </p:titleStyle>
    <p:bodyStyle>
      <a:lvl1pPr marL="100013" indent="-100013" algn="l" defTabSz="514350" rtl="0" fontAlgn="base">
        <a:spcBef>
          <a:spcPct val="0"/>
        </a:spcBef>
        <a:spcAft>
          <a:spcPts val="338"/>
        </a:spcAft>
        <a:buFont typeface="Arial" panose="020B0604020202020204" pitchFamily="34" charset="0"/>
        <a:buChar char="•"/>
        <a:defRPr sz="900" kern="1200">
          <a:solidFill>
            <a:schemeClr val="tx1"/>
          </a:solidFill>
          <a:latin typeface="+mn-lt"/>
          <a:ea typeface="+mn-ea"/>
          <a:cs typeface="+mn-cs"/>
        </a:defRPr>
      </a:lvl1pPr>
      <a:lvl2pPr marL="201613" indent="-100013" algn="l" defTabSz="514350" rtl="0" fontAlgn="base">
        <a:spcBef>
          <a:spcPct val="0"/>
        </a:spcBef>
        <a:spcAft>
          <a:spcPts val="338"/>
        </a:spcAft>
        <a:buFont typeface="Arial" panose="020B0604020202020204" pitchFamily="34" charset="0"/>
        <a:buChar char="•"/>
        <a:defRPr sz="900" kern="1200">
          <a:solidFill>
            <a:schemeClr val="tx1"/>
          </a:solidFill>
          <a:latin typeface="+mn-lt"/>
          <a:ea typeface="+mn-ea"/>
          <a:cs typeface="+mn-cs"/>
        </a:defRPr>
      </a:lvl2pPr>
      <a:lvl3pPr marL="303213" indent="-100013" algn="l" defTabSz="514350" rtl="0" fontAlgn="base">
        <a:spcBef>
          <a:spcPct val="0"/>
        </a:spcBef>
        <a:spcAft>
          <a:spcPts val="338"/>
        </a:spcAft>
        <a:buFont typeface="Arial" panose="020B0604020202020204" pitchFamily="34" charset="0"/>
        <a:buChar char="•"/>
        <a:defRPr sz="900" kern="1200">
          <a:solidFill>
            <a:schemeClr val="tx1"/>
          </a:solidFill>
          <a:latin typeface="+mn-lt"/>
          <a:ea typeface="+mn-ea"/>
          <a:cs typeface="+mn-cs"/>
        </a:defRPr>
      </a:lvl3pPr>
      <a:lvl4pPr algn="l" defTabSz="514350" rtl="0" fontAlgn="base">
        <a:spcBef>
          <a:spcPts val="338"/>
        </a:spcBef>
        <a:spcAft>
          <a:spcPts val="338"/>
        </a:spcAft>
        <a:buFont typeface="Arial" panose="020B0604020202020204" pitchFamily="34" charset="0"/>
        <a:buChar char="​"/>
        <a:defRPr sz="900" b="1" kern="1200">
          <a:solidFill>
            <a:schemeClr val="tx1"/>
          </a:solidFill>
          <a:latin typeface="+mj-lt"/>
          <a:ea typeface="+mn-ea"/>
          <a:cs typeface="+mn-cs"/>
        </a:defRPr>
      </a:lvl4pPr>
      <a:lvl5pPr algn="l" defTabSz="514350" rtl="0" fontAlgn="base">
        <a:spcBef>
          <a:spcPct val="0"/>
        </a:spcBef>
        <a:spcAft>
          <a:spcPts val="675"/>
        </a:spcAft>
        <a:buFont typeface="Arial" panose="020B0604020202020204" pitchFamily="34" charset="0"/>
        <a:buChar char="​"/>
        <a:defRPr sz="900" kern="1200">
          <a:solidFill>
            <a:schemeClr val="tx1"/>
          </a:solidFill>
          <a:latin typeface="+mn-lt"/>
          <a:ea typeface="+mn-ea"/>
          <a:cs typeface="+mn-cs"/>
        </a:defRPr>
      </a:lvl5pPr>
      <a:lvl6pPr marL="50626" indent="-50626" algn="l" defTabSz="514356" rtl="0" eaLnBrk="1" latinLnBrk="0" hangingPunct="1">
        <a:lnSpc>
          <a:spcPct val="120000"/>
        </a:lnSpc>
        <a:spcBef>
          <a:spcPts val="0"/>
        </a:spcBef>
        <a:spcAft>
          <a:spcPts val="338"/>
        </a:spcAft>
        <a:buFont typeface="Arial" panose="020B0604020202020204" pitchFamily="34" charset="0"/>
        <a:buChar char="•"/>
        <a:defRPr sz="563" kern="1200">
          <a:solidFill>
            <a:schemeClr val="tx1"/>
          </a:solidFill>
          <a:latin typeface="+mn-lt"/>
          <a:ea typeface="+mn-ea"/>
          <a:cs typeface="+mn-cs"/>
        </a:defRPr>
      </a:lvl6pPr>
      <a:lvl7pPr marL="0" indent="0" algn="l" defTabSz="514356" rtl="0" eaLnBrk="1" latinLnBrk="0" hangingPunct="1">
        <a:lnSpc>
          <a:spcPct val="120000"/>
        </a:lnSpc>
        <a:spcBef>
          <a:spcPts val="338"/>
        </a:spcBef>
        <a:spcAft>
          <a:spcPts val="338"/>
        </a:spcAft>
        <a:buFont typeface="Arial" panose="020B0604020202020204" pitchFamily="34" charset="0"/>
        <a:buChar char="​"/>
        <a:defRPr sz="563" b="1" kern="1200" baseline="0">
          <a:solidFill>
            <a:schemeClr val="tx1"/>
          </a:solidFill>
          <a:latin typeface="+mj-lt"/>
          <a:ea typeface="+mn-ea"/>
          <a:cs typeface="+mn-cs"/>
        </a:defRPr>
      </a:lvl7pPr>
      <a:lvl8pPr marL="0" indent="0" algn="l" defTabSz="514356" rtl="0" eaLnBrk="1" latinLnBrk="0" hangingPunct="1">
        <a:lnSpc>
          <a:spcPct val="120000"/>
        </a:lnSpc>
        <a:spcBef>
          <a:spcPts val="0"/>
        </a:spcBef>
        <a:spcAft>
          <a:spcPts val="338"/>
        </a:spcAft>
        <a:buFont typeface="Arial" panose="020B0604020202020204" pitchFamily="34" charset="0"/>
        <a:buChar char="​"/>
        <a:defRPr sz="563" kern="1200">
          <a:solidFill>
            <a:schemeClr val="tx1"/>
          </a:solidFill>
          <a:latin typeface="+mn-lt"/>
          <a:ea typeface="+mn-ea"/>
          <a:cs typeface="+mn-cs"/>
        </a:defRPr>
      </a:lvl8pPr>
      <a:lvl9pPr marL="0" indent="0" algn="l" defTabSz="514356" rtl="0" eaLnBrk="1" latinLnBrk="0" hangingPunct="1">
        <a:lnSpc>
          <a:spcPct val="93000"/>
        </a:lnSpc>
        <a:spcBef>
          <a:spcPts val="675"/>
        </a:spcBef>
        <a:spcAft>
          <a:spcPts val="0"/>
        </a:spcAft>
        <a:buFont typeface="Arial" panose="020B0604020202020204" pitchFamily="34" charset="0"/>
        <a:buChar char="​"/>
        <a:defRPr sz="3375" kern="12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514356" rtl="0" eaLnBrk="1" latinLnBrk="0" hangingPunct="1">
        <a:defRPr sz="1013" kern="1200">
          <a:solidFill>
            <a:schemeClr val="tx1"/>
          </a:solidFill>
          <a:latin typeface="+mn-lt"/>
          <a:ea typeface="+mn-ea"/>
          <a:cs typeface="+mn-cs"/>
        </a:defRPr>
      </a:lvl1pPr>
      <a:lvl2pPr marL="257178" algn="l" defTabSz="514356" rtl="0" eaLnBrk="1" latinLnBrk="0" hangingPunct="1">
        <a:defRPr sz="1013" kern="1200">
          <a:solidFill>
            <a:schemeClr val="tx1"/>
          </a:solidFill>
          <a:latin typeface="+mn-lt"/>
          <a:ea typeface="+mn-ea"/>
          <a:cs typeface="+mn-cs"/>
        </a:defRPr>
      </a:lvl2pPr>
      <a:lvl3pPr marL="514356" algn="l" defTabSz="514356" rtl="0" eaLnBrk="1" latinLnBrk="0" hangingPunct="1">
        <a:defRPr sz="1013" kern="1200">
          <a:solidFill>
            <a:schemeClr val="tx1"/>
          </a:solidFill>
          <a:latin typeface="+mn-lt"/>
          <a:ea typeface="+mn-ea"/>
          <a:cs typeface="+mn-cs"/>
        </a:defRPr>
      </a:lvl3pPr>
      <a:lvl4pPr marL="771535" algn="l" defTabSz="514356" rtl="0" eaLnBrk="1" latinLnBrk="0" hangingPunct="1">
        <a:defRPr sz="1013" kern="1200">
          <a:solidFill>
            <a:schemeClr val="tx1"/>
          </a:solidFill>
          <a:latin typeface="+mn-lt"/>
          <a:ea typeface="+mn-ea"/>
          <a:cs typeface="+mn-cs"/>
        </a:defRPr>
      </a:lvl4pPr>
      <a:lvl5pPr marL="1028713" algn="l" defTabSz="514356" rtl="0" eaLnBrk="1" latinLnBrk="0" hangingPunct="1">
        <a:defRPr sz="1013" kern="1200">
          <a:solidFill>
            <a:schemeClr val="tx1"/>
          </a:solidFill>
          <a:latin typeface="+mn-lt"/>
          <a:ea typeface="+mn-ea"/>
          <a:cs typeface="+mn-cs"/>
        </a:defRPr>
      </a:lvl5pPr>
      <a:lvl6pPr marL="1285891" algn="l" defTabSz="514356" rtl="0" eaLnBrk="1" latinLnBrk="0" hangingPunct="1">
        <a:defRPr sz="1013" kern="1200">
          <a:solidFill>
            <a:schemeClr val="tx1"/>
          </a:solidFill>
          <a:latin typeface="+mn-lt"/>
          <a:ea typeface="+mn-ea"/>
          <a:cs typeface="+mn-cs"/>
        </a:defRPr>
      </a:lvl6pPr>
      <a:lvl7pPr marL="1543069" algn="l" defTabSz="514356" rtl="0" eaLnBrk="1" latinLnBrk="0" hangingPunct="1">
        <a:defRPr sz="1013" kern="1200">
          <a:solidFill>
            <a:schemeClr val="tx1"/>
          </a:solidFill>
          <a:latin typeface="+mn-lt"/>
          <a:ea typeface="+mn-ea"/>
          <a:cs typeface="+mn-cs"/>
        </a:defRPr>
      </a:lvl7pPr>
      <a:lvl8pPr marL="1800248" algn="l" defTabSz="514356" rtl="0" eaLnBrk="1" latinLnBrk="0" hangingPunct="1">
        <a:defRPr sz="1013" kern="1200">
          <a:solidFill>
            <a:schemeClr val="tx1"/>
          </a:solidFill>
          <a:latin typeface="+mn-lt"/>
          <a:ea typeface="+mn-ea"/>
          <a:cs typeface="+mn-cs"/>
        </a:defRPr>
      </a:lvl8pPr>
      <a:lvl9pPr marL="2057426" algn="l" defTabSz="514356" rtl="0" eaLnBrk="1" latinLnBrk="0" hangingPunct="1">
        <a:defRPr sz="1013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Kanvas baggrund">
            <a:extLst>
              <a:ext uri="{FF2B5EF4-FFF2-40B4-BE49-F238E27FC236}">
                <a16:creationId xmlns:a16="http://schemas.microsoft.com/office/drawing/2014/main" id="{B76AC852-8010-B820-86D0-C297EF55E1C7}"/>
              </a:ext>
            </a:extLst>
          </p:cNvPr>
          <p:cNvSpPr/>
          <p:nvPr userDrawn="1"/>
        </p:nvSpPr>
        <p:spPr>
          <a:xfrm>
            <a:off x="0" y="0"/>
            <a:ext cx="6858000" cy="12192000"/>
          </a:xfrm>
          <a:prstGeom prst="rect">
            <a:avLst/>
          </a:prstGeom>
          <a:solidFill>
            <a:srgbClr val="F5F5F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20250" rIns="40500" bIns="2025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en-GB" sz="1125" dirty="0"/>
          </a:p>
        </p:txBody>
      </p:sp>
      <p:sp>
        <p:nvSpPr>
          <p:cNvPr id="2051" name="Title Placeholder 6">
            <a:extLst>
              <a:ext uri="{FF2B5EF4-FFF2-40B4-BE49-F238E27FC236}">
                <a16:creationId xmlns:a16="http://schemas.microsoft.com/office/drawing/2014/main" id="{AA207E15-6B2A-D2C1-C018-92461C3F1EFF}"/>
              </a:ext>
            </a:extLst>
          </p:cNvPr>
          <p:cNvSpPr>
            <a:spLocks noGrp="1" noChangeArrowheads="1"/>
          </p:cNvSpPr>
          <p:nvPr>
            <p:ph type="title"/>
          </p:nvPr>
        </p:nvSpPr>
        <p:spPr bwMode="auto">
          <a:xfrm>
            <a:off x="303213" y="1600200"/>
            <a:ext cx="6251575" cy="22129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altLang="da-DK"/>
              <a:t>Click to add tit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B751A8C-D24A-B027-D67E-DCD58EC47C6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03213" y="3814763"/>
            <a:ext cx="6249987" cy="7412037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noProof="0" dirty="0"/>
              <a:t>Level 1 (Enter &amp; TAB to view </a:t>
            </a:r>
            <a:r>
              <a:rPr lang="da-DK" noProof="0" dirty="0" err="1"/>
              <a:t>next</a:t>
            </a:r>
            <a:r>
              <a:rPr lang="da-DK" noProof="0" dirty="0"/>
              <a:t> </a:t>
            </a:r>
            <a:r>
              <a:rPr lang="da-DK" noProof="0" dirty="0" err="1"/>
              <a:t>text</a:t>
            </a:r>
            <a:r>
              <a:rPr lang="da-DK" noProof="0" dirty="0"/>
              <a:t> style, SHIFT+TAB to view </a:t>
            </a:r>
            <a:r>
              <a:rPr lang="da-DK" noProof="0" dirty="0" err="1"/>
              <a:t>previous</a:t>
            </a:r>
            <a:r>
              <a:rPr lang="da-DK" noProof="0" dirty="0"/>
              <a:t> </a:t>
            </a:r>
            <a:r>
              <a:rPr lang="da-DK" noProof="0" dirty="0" err="1"/>
              <a:t>text</a:t>
            </a:r>
            <a:r>
              <a:rPr lang="da-DK" noProof="0" dirty="0"/>
              <a:t> style)</a:t>
            </a:r>
          </a:p>
          <a:p>
            <a:pPr lvl="1"/>
            <a:r>
              <a:rPr lang="da-DK" noProof="0" dirty="0"/>
              <a:t>Level 2</a:t>
            </a:r>
          </a:p>
          <a:p>
            <a:pPr lvl="2"/>
            <a:r>
              <a:rPr lang="da-DK" noProof="0" dirty="0"/>
              <a:t>Level 3</a:t>
            </a:r>
          </a:p>
          <a:p>
            <a:pPr lvl="3"/>
            <a:r>
              <a:rPr lang="da-DK" noProof="0" dirty="0"/>
              <a:t>Level 4, Header</a:t>
            </a:r>
          </a:p>
          <a:p>
            <a:pPr lvl="4"/>
            <a:r>
              <a:rPr lang="da-DK" noProof="0" dirty="0"/>
              <a:t>Level 5, Body</a:t>
            </a:r>
          </a:p>
          <a:p>
            <a:pPr lvl="5"/>
            <a:r>
              <a:rPr lang="da-DK" noProof="0" dirty="0"/>
              <a:t>Level 6</a:t>
            </a:r>
          </a:p>
          <a:p>
            <a:pPr lvl="6"/>
            <a:r>
              <a:rPr lang="da-DK" noProof="0" dirty="0"/>
              <a:t>Level 7, Small Header</a:t>
            </a:r>
          </a:p>
          <a:p>
            <a:pPr lvl="7"/>
            <a:r>
              <a:rPr lang="da-DK" noProof="0" dirty="0"/>
              <a:t>Level 8, Small Body</a:t>
            </a:r>
          </a:p>
          <a:p>
            <a:pPr lvl="8"/>
            <a:r>
              <a:rPr lang="da-DK" noProof="0" dirty="0"/>
              <a:t>Level 9, </a:t>
            </a:r>
            <a:r>
              <a:rPr lang="da-DK" noProof="0" dirty="0" err="1"/>
              <a:t>Infographic</a:t>
            </a:r>
            <a:endParaRPr lang="da-DK" noProof="0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5E003042-7B33-2B6B-9B0A-6630B06E3EE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506413" y="639763"/>
            <a:ext cx="1208087" cy="320675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 eaLnBrk="1" fontAlgn="auto" hangingPunct="1">
              <a:spcBef>
                <a:spcPts val="0"/>
              </a:spcBef>
              <a:spcAft>
                <a:spcPts val="0"/>
              </a:spcAft>
              <a:defRPr sz="506" smtClean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81906453-175C-4320-B863-E8B7D62CAC04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1033B657-726D-D233-4F99-BC8266910F0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916113" y="639763"/>
            <a:ext cx="1949450" cy="320675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 eaLnBrk="1" fontAlgn="auto" hangingPunct="1">
              <a:spcBef>
                <a:spcPts val="0"/>
              </a:spcBef>
              <a:spcAft>
                <a:spcPts val="0"/>
              </a:spcAft>
              <a:defRPr sz="506" dirty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endParaRPr lang="da-DK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5F2EF6BF-2290-3BD4-4735-EE8273CA3EF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303213" y="639763"/>
            <a:ext cx="203200" cy="320675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 eaLnBrk="1" fontAlgn="auto" hangingPunct="1">
              <a:spcBef>
                <a:spcPts val="0"/>
              </a:spcBef>
              <a:spcAft>
                <a:spcPts val="0"/>
              </a:spcAft>
              <a:defRPr sz="506" smtClean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BDD721B-6919-468D-BAB0-6C41D713266B}" type="slidenum">
              <a:rPr lang="da-DK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4" name="[WorkArea]" descr="&lt;?xml version=&quot;1.0&quot; encoding=&quot;utf-16&quot;?&gt;&#10;&lt;GridTheme xmlns:xsi=&quot;http://www.w3.org/2001/XMLSchema-instance&quot; xmlns:xsd=&quot;http://www.w3.org/2001/XMLSchema&quot;&gt;&#10;  &lt;GuideLines /&gt;&#10;  &lt;SubGrids&gt;&#10;    &lt;SubGrid&gt;&#10;      &lt;Left&gt;89.43307&lt;/Left&gt;&#10;      &lt;Top&gt;51.02362&lt;/Top&gt;&#10;      &lt;Width&gt;28.3464565&lt;/Width&gt;&#10;      &lt;Height&gt;429.448822&lt;/Height&gt;&#10;    &lt;/SubGrid&gt;&#10;    &lt;SubGrid&gt;&#10;      &lt;Left&gt;42.5196838&lt;/Left&gt;&#10;      &lt;Top&gt;51.02362&lt;/Top&gt;&#10;      &lt;Width&gt;46.9133873&lt;/Width&gt;&#10;      &lt;Height&gt;429.448822&lt;/Height&gt;&#10;    &lt;/SubGrid&gt;&#10;    &lt;SubGrid&gt;&#10;      &lt;Left&gt;164.692917&lt;/Left&gt;&#10;      &lt;Top&gt;51.02362&lt;/Top&gt;&#10;      &lt;Width&gt;28.3464565&lt;/Width&gt;&#10;      &lt;Height&gt;429.448822&lt;/Height&gt;&#10;    &lt;/SubGrid&gt;&#10;    &lt;SubGrid&gt;&#10;      &lt;Left&gt;117.779526&lt;/Left&gt;&#10;      &lt;Top&gt;51.02362&lt;/Top&gt;&#10;      &lt;Width&gt;46.9133873&lt;/Width&gt;&#10;      &lt;Height&gt;429.448822&lt;/Height&gt;&#10;    &lt;/SubGrid&gt;&#10;    &lt;SubGrid&gt;&#10;      &lt;Left&gt;193.039368&lt;/Left&gt;&#10;      &lt;Top&gt;51.02362&lt;/Top&gt;&#10;      &lt;Width&gt;46.9133873&lt;/Width&gt;&#10;      &lt;Height&gt;429.448822&lt;/Height&gt;&#10;    &lt;/SubGrid&gt;&#10;    &lt;SubGrid&gt;&#10;      &lt;Left&gt;239.952759&lt;/Left&gt;&#10;      &lt;Top&gt;51.02362&lt;/Top&gt;&#10;      &lt;Width&gt;28.3464565&lt;/Width&gt;&#10;      &lt;Height&gt;429.448822&lt;/Height&gt;&#10;    &lt;/SubGrid&gt;&#10;    &lt;SubGrid&gt;&#10;      &lt;Left&gt;268.299225&lt;/Left&gt;&#10;      &lt;Top&gt;51.02362&lt;/Top&gt;&#10;      &lt;Width&gt;46.9133873&lt;/Width&gt;&#10;      &lt;Height&gt;429.448822&lt;/Height&gt;&#10;    &lt;/SubGrid&gt;&#10;    &lt;SubGrid&gt;&#10;      &lt;Left&gt;315.2126&lt;/Left&gt;&#10;      &lt;Top&gt;51.02362&lt;/Top&gt;&#10;      &lt;Width&gt;28.3464565&lt;/Width&gt;&#10;      &lt;Height&gt;429.448822&lt;/Height&gt;&#10;    &lt;/SubGrid&gt;&#10;    &lt;SubGrid&gt;&#10;      &lt;Left&gt;390.472443&lt;/Left&gt;&#10;      &lt;Top&gt;51.02362&lt;/Top&gt;&#10;      &lt;Width&gt;28.3464565&lt;/Width&gt;&#10;      &lt;Height&gt;429.448822&lt;/Height&gt;&#10;    &lt;/SubGrid&gt;&#10;    &lt;SubGrid&gt;&#10;      &lt;Left&gt;343.559052&lt;/Left&gt;&#10;      &lt;Top&gt;51.02362&lt;/Top&gt;&#10;      &lt;Width&gt;46.9133873&lt;/Width&gt;&#10;      &lt;Height&gt;429.448822&lt;/Height&gt;&#10;    &lt;/SubGrid&gt;&#10;    &lt;SubGrid&gt;&#10;      &lt;Left&gt;418.8189&lt;/Left&gt;&#10;      &lt;Top&gt;51.02362&lt;/Top&gt;&#10;      &lt;Width&gt;46.9133873&lt;/Width&gt;&#10;      &lt;Height&gt;429.448822&lt;/Height&gt;&#10;    &lt;/SubGrid&gt;&#10;    &lt;SubGrid&gt;&#10;      &lt;Left&gt;465.732269&lt;/Left&gt;&#10;      &lt;Top&gt;51.02362&lt;/Top&gt;&#10;      &lt;Width&gt;28.3464565&lt;/Width&gt;&#10;      &lt;Height&gt;429.448822&lt;/Height&gt;&#10;    &lt;/SubGrid&gt;&#10;    &lt;SubGrid&gt;&#10;      &lt;Left&gt;494.078735&lt;/Left&gt;&#10;      &lt;Top&gt;51.02362&lt;/Top&gt;&#10;      &lt;Width&gt;46.9133873&lt;/Width&gt;&#10;      &lt;Height&gt;429.448822&lt;/Height&gt;&#10;    &lt;/SubGrid&gt;&#10;    &lt;SubGrid&gt;&#10;      &lt;Left&gt;540.9921&lt;/Left&gt;&#10;      &lt;Top&gt;51.02362&lt;/Top&gt;&#10;      &lt;Width&gt;28.3464565&lt;/Width&gt;&#10;      &lt;Height&gt;429.448822&lt;/Height&gt;&#10;    &lt;/SubGrid&gt;&#10;    &lt;SubGrid&gt;&#10;      &lt;Left&gt;569.338562&lt;/Left&gt;&#10;      &lt;Top&gt;51.02362&lt;/Top&gt;&#10;      &lt;Width&gt;46.9133873&lt;/Width&gt;&#10;      &lt;Height&gt;429.448822&lt;/Height&gt;&#10;    &lt;/SubGrid&gt;&#10;    &lt;SubGrid&gt;&#10;      &lt;Left&gt;616.251953&lt;/Left&gt;&#10;      &lt;Top&gt;51.02362&lt;/Top&gt;&#10;      &lt;Width&gt;28.3464565&lt;/Width&gt;&#10;      &lt;Height&gt;429.448822&lt;/Height&gt;&#10;    &lt;/SubGrid&gt;&#10;    &lt;SubGrid&gt;&#10;      &lt;Left&gt;644.5804&lt;/Left&gt;&#10;      &lt;Top&gt;51.02362&lt;/Top&gt;&#10;      &lt;Width&gt;46.9133873&lt;/Width&gt;&#10;      &lt;Height&gt;429.448822&lt;/Height&gt;&#10;    &lt;/SubGrid&gt;&#10;    &lt;SubGrid&gt;&#10;      &lt;Left&gt;691.4938&lt;/Left&gt;&#10;      &lt;Top&gt;51.02362&lt;/Top&gt;&#10;      &lt;Width&gt;28.3464565&lt;/Width&gt;&#10;      &lt;Height&gt;429.448822&lt;/Height&gt;&#10;    &lt;/SubGrid&gt;&#10;    &lt;SubGrid&gt;&#10;      &lt;Left&gt;719.8222&lt;/Left&gt;&#10;      &lt;Top&gt;51.02362&lt;/Top&gt;&#10;      &lt;Width&gt;46.9133873&lt;/Width&gt;&#10;      &lt;Height&gt;429.448822&lt;/Height&gt;&#10;    &lt;/SubGrid&gt;&#10;    &lt;SubGrid&gt;&#10;      &lt;Left&gt;766.7356&lt;/Left&gt;&#10;      &lt;Top&gt;51.02362&lt;/Top&gt;&#10;      &lt;Width&gt;28.3464565&lt;/Width&gt;&#10;      &lt;Height&gt;429.448822&lt;/Height&gt;&#10;    &lt;/SubGrid&gt;&#10;    &lt;SubGrid&gt;&#10;      &lt;Left&gt;795.064&lt;/Left&gt;&#10;      &lt;Top&gt;51.02362&lt;/Top&gt;&#10;      &lt;Width&gt;46.9133873&lt;/Width&gt;&#10;      &lt;Height&gt;429.448822&lt;/Height&gt;&#10;    &lt;/SubGrid&gt;&#10;    &lt;SubGrid&gt;&#10;      &lt;Left&gt;841.9774&lt;/Left&gt;&#10;      &lt;Top&gt;51.02362&lt;/Top&gt;&#10;      &lt;Width&gt;28.3464565&lt;/Width&gt;&#10;      &lt;Height&gt;429.448822&lt;/Height&gt;&#10;    &lt;/SubGrid&gt;&#10;    &lt;SubGrid&gt;&#10;      &lt;Left&gt;870.305847&lt;/Left&gt;&#10;      &lt;Top&gt;51.02362&lt;/Top&gt;&#10;      &lt;Width&gt;46.9133873&lt;/Width&gt;&#10;      &lt;Height&gt;429.448822&lt;/Height&gt;&#10;    &lt;/SubGrid&gt;&#10;  &lt;/SubGrids&gt;&#10;  &lt;WorkArea&gt;&#10;    &lt;Top&gt;51.02362&lt;/Top&gt;&#10;    &lt;Left&gt;42.5196838&lt;/Left&gt;&#10;    &lt;Width&gt;874.960632&lt;/Width&gt;&#10;    &lt;Height&gt;429.448822&lt;/Height&gt;&#10;  &lt;/WorkArea&gt;&#10;  &lt;AspectW&gt;16&lt;/AspectW&gt;&#10;  &lt;AspectH&gt;9&lt;/AspectH&gt;&#10;  &lt;Width&gt;960&lt;/Width&gt;&#10;  &lt;Height&gt;540&lt;/Height&gt;&#10;  &lt;HGap&gt;10&lt;/HGap&gt;&#10;  &lt;VGap&gt;10&lt;/VGap&gt;&#10;  &lt;OfficeVersion&gt;16&lt;/OfficeVersion&gt;&#10;&lt;/GridTheme&gt;" hidden="1">
            <a:extLst>
              <a:ext uri="{FF2B5EF4-FFF2-40B4-BE49-F238E27FC236}">
                <a16:creationId xmlns:a16="http://schemas.microsoft.com/office/drawing/2014/main" id="{092E8030-7A13-9695-DEB3-C6491066E986}"/>
              </a:ext>
            </a:extLst>
          </p:cNvPr>
          <p:cNvSpPr/>
          <p:nvPr userDrawn="1"/>
        </p:nvSpPr>
        <p:spPr>
          <a:xfrm>
            <a:off x="303213" y="639763"/>
            <a:ext cx="6251575" cy="10912475"/>
          </a:xfrm>
          <a:prstGeom prst="rect">
            <a:avLst/>
          </a:prstGeom>
          <a:solidFill>
            <a:srgbClr val="EAEAEA">
              <a:alpha val="50000"/>
            </a:srgbClr>
          </a:solidFill>
          <a:ln w="12700" cap="flat" cmpd="sng" algn="ctr">
            <a:solidFill>
              <a:schemeClr val="accent1">
                <a:alpha val="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0500" tIns="20250" rIns="40500" bIns="20250" anchor="ctr"/>
          <a:lstStyle/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125" dirty="0"/>
          </a:p>
        </p:txBody>
      </p:sp>
      <p:sp>
        <p:nvSpPr>
          <p:cNvPr id="33" name="Logo">
            <a:extLst>
              <a:ext uri="{FF2B5EF4-FFF2-40B4-BE49-F238E27FC236}">
                <a16:creationId xmlns:a16="http://schemas.microsoft.com/office/drawing/2014/main" id="{D355B786-19FF-0D5B-1807-B05E5BAB4609}"/>
              </a:ext>
            </a:extLst>
          </p:cNvPr>
          <p:cNvSpPr/>
          <p:nvPr userDrawn="1"/>
        </p:nvSpPr>
        <p:spPr>
          <a:xfrm>
            <a:off x="6197600" y="639763"/>
            <a:ext cx="355600" cy="635000"/>
          </a:xfrm>
          <a:custGeom>
            <a:avLst/>
            <a:gdLst>
              <a:gd name="connsiteX0" fmla="*/ 3991223 w 5553123"/>
              <a:gd name="connsiteY0" fmla="*/ 1407246 h 3128654"/>
              <a:gd name="connsiteX1" fmla="*/ 3430346 w 5553123"/>
              <a:gd name="connsiteY1" fmla="*/ 1968030 h 3128654"/>
              <a:gd name="connsiteX2" fmla="*/ 3597555 w 5553123"/>
              <a:gd name="connsiteY2" fmla="*/ 1999879 h 3128654"/>
              <a:gd name="connsiteX3" fmla="*/ 4017277 w 5553123"/>
              <a:gd name="connsiteY3" fmla="*/ 1565700 h 3128654"/>
              <a:gd name="connsiteX4" fmla="*/ 4017243 w 5553123"/>
              <a:gd name="connsiteY4" fmla="*/ 1565803 h 3128654"/>
              <a:gd name="connsiteX5" fmla="*/ 3991223 w 5553123"/>
              <a:gd name="connsiteY5" fmla="*/ 1407246 h 3128654"/>
              <a:gd name="connsiteX6" fmla="*/ 3597692 w 5553123"/>
              <a:gd name="connsiteY6" fmla="*/ 1131487 h 3128654"/>
              <a:gd name="connsiteX7" fmla="*/ 3172031 w 5553123"/>
              <a:gd name="connsiteY7" fmla="*/ 1565700 h 3128654"/>
              <a:gd name="connsiteX8" fmla="*/ 3171997 w 5553123"/>
              <a:gd name="connsiteY8" fmla="*/ 1565803 h 3128654"/>
              <a:gd name="connsiteX9" fmla="*/ 3197296 w 5553123"/>
              <a:gd name="connsiteY9" fmla="*/ 1722061 h 3128654"/>
              <a:gd name="connsiteX10" fmla="*/ 3757830 w 5553123"/>
              <a:gd name="connsiteY10" fmla="*/ 1161723 h 3128654"/>
              <a:gd name="connsiteX11" fmla="*/ 3597692 w 5553123"/>
              <a:gd name="connsiteY11" fmla="*/ 1131487 h 3128654"/>
              <a:gd name="connsiteX12" fmla="*/ 2205438 w 5553123"/>
              <a:gd name="connsiteY12" fmla="*/ 837298 h 3128654"/>
              <a:gd name="connsiteX13" fmla="*/ 2590180 w 5553123"/>
              <a:gd name="connsiteY13" fmla="*/ 837298 h 3128654"/>
              <a:gd name="connsiteX14" fmla="*/ 2590180 w 5553123"/>
              <a:gd name="connsiteY14" fmla="*/ 2548651 h 3128654"/>
              <a:gd name="connsiteX15" fmla="*/ 2015984 w 5553123"/>
              <a:gd name="connsiteY15" fmla="*/ 3128654 h 3128654"/>
              <a:gd name="connsiteX16" fmla="*/ 1756572 w 5553123"/>
              <a:gd name="connsiteY16" fmla="*/ 3073262 h 3128654"/>
              <a:gd name="connsiteX17" fmla="*/ 1844038 w 5553123"/>
              <a:gd name="connsiteY17" fmla="*/ 2761571 h 3128654"/>
              <a:gd name="connsiteX18" fmla="*/ 1989724 w 5553123"/>
              <a:gd name="connsiteY18" fmla="*/ 2787791 h 3128654"/>
              <a:gd name="connsiteX19" fmla="*/ 2205438 w 5553123"/>
              <a:gd name="connsiteY19" fmla="*/ 2548857 h 3128654"/>
              <a:gd name="connsiteX20" fmla="*/ 4139105 w 5553123"/>
              <a:gd name="connsiteY20" fmla="*/ 780499 h 3128654"/>
              <a:gd name="connsiteX21" fmla="*/ 4378642 w 5553123"/>
              <a:gd name="connsiteY21" fmla="*/ 1020017 h 3128654"/>
              <a:gd name="connsiteX22" fmla="*/ 4263474 w 5553123"/>
              <a:gd name="connsiteY22" fmla="*/ 1135365 h 3128654"/>
              <a:gd name="connsiteX23" fmla="*/ 4390485 w 5553123"/>
              <a:gd name="connsiteY23" fmla="*/ 1565769 h 3128654"/>
              <a:gd name="connsiteX24" fmla="*/ 3597520 w 5553123"/>
              <a:gd name="connsiteY24" fmla="*/ 2335080 h 3128654"/>
              <a:gd name="connsiteX25" fmla="*/ 3173748 w 5553123"/>
              <a:gd name="connsiteY25" fmla="*/ 2224604 h 3128654"/>
              <a:gd name="connsiteX26" fmla="*/ 3050169 w 5553123"/>
              <a:gd name="connsiteY26" fmla="*/ 2348155 h 3128654"/>
              <a:gd name="connsiteX27" fmla="*/ 2810563 w 5553123"/>
              <a:gd name="connsiteY27" fmla="*/ 2108707 h 3128654"/>
              <a:gd name="connsiteX28" fmla="*/ 2925320 w 5553123"/>
              <a:gd name="connsiteY28" fmla="*/ 1993976 h 3128654"/>
              <a:gd name="connsiteX29" fmla="*/ 2798892 w 5553123"/>
              <a:gd name="connsiteY29" fmla="*/ 1565838 h 3128654"/>
              <a:gd name="connsiteX30" fmla="*/ 3597486 w 5553123"/>
              <a:gd name="connsiteY30" fmla="*/ 793644 h 3128654"/>
              <a:gd name="connsiteX31" fmla="*/ 4015526 w 5553123"/>
              <a:gd name="connsiteY31" fmla="*/ 904050 h 3128654"/>
              <a:gd name="connsiteX32" fmla="*/ 396379 w 5553123"/>
              <a:gd name="connsiteY32" fmla="*/ 435140 h 3128654"/>
              <a:gd name="connsiteX33" fmla="*/ 396379 w 5553123"/>
              <a:gd name="connsiteY33" fmla="*/ 1932956 h 3128654"/>
              <a:gd name="connsiteX34" fmla="*/ 846344 w 5553123"/>
              <a:gd name="connsiteY34" fmla="*/ 1932956 h 3128654"/>
              <a:gd name="connsiteX35" fmla="*/ 1601274 w 5553123"/>
              <a:gd name="connsiteY35" fmla="*/ 1184065 h 3128654"/>
              <a:gd name="connsiteX36" fmla="*/ 846344 w 5553123"/>
              <a:gd name="connsiteY36" fmla="*/ 435140 h 3128654"/>
              <a:gd name="connsiteX37" fmla="*/ 0 w 5553123"/>
              <a:gd name="connsiteY37" fmla="*/ 76739 h 3128654"/>
              <a:gd name="connsiteX38" fmla="*/ 820049 w 5553123"/>
              <a:gd name="connsiteY38" fmla="*/ 76739 h 3128654"/>
              <a:gd name="connsiteX39" fmla="*/ 2000502 w 5553123"/>
              <a:gd name="connsiteY39" fmla="*/ 1184065 h 3128654"/>
              <a:gd name="connsiteX40" fmla="*/ 820049 w 5553123"/>
              <a:gd name="connsiteY40" fmla="*/ 2291391 h 3128654"/>
              <a:gd name="connsiteX41" fmla="*/ 0 w 5553123"/>
              <a:gd name="connsiteY41" fmla="*/ 2291391 h 3128654"/>
              <a:gd name="connsiteX42" fmla="*/ 5214998 w 5553123"/>
              <a:gd name="connsiteY42" fmla="*/ 0 h 3128654"/>
              <a:gd name="connsiteX43" fmla="*/ 5474410 w 5553123"/>
              <a:gd name="connsiteY43" fmla="*/ 55393 h 3128654"/>
              <a:gd name="connsiteX44" fmla="*/ 5386944 w 5553123"/>
              <a:gd name="connsiteY44" fmla="*/ 367187 h 3128654"/>
              <a:gd name="connsiteX45" fmla="*/ 5241258 w 5553123"/>
              <a:gd name="connsiteY45" fmla="*/ 340932 h 3128654"/>
              <a:gd name="connsiteX46" fmla="*/ 5025544 w 5553123"/>
              <a:gd name="connsiteY46" fmla="*/ 579901 h 3128654"/>
              <a:gd name="connsiteX47" fmla="*/ 5025544 w 5553123"/>
              <a:gd name="connsiteY47" fmla="*/ 837299 h 3128654"/>
              <a:gd name="connsiteX48" fmla="*/ 5553123 w 5553123"/>
              <a:gd name="connsiteY48" fmla="*/ 837402 h 3128654"/>
              <a:gd name="connsiteX49" fmla="*/ 5553123 w 5553123"/>
              <a:gd name="connsiteY49" fmla="*/ 1152113 h 3128654"/>
              <a:gd name="connsiteX50" fmla="*/ 5025544 w 5553123"/>
              <a:gd name="connsiteY50" fmla="*/ 1152113 h 3128654"/>
              <a:gd name="connsiteX51" fmla="*/ 5025544 w 5553123"/>
              <a:gd name="connsiteY51" fmla="*/ 2291528 h 3128654"/>
              <a:gd name="connsiteX52" fmla="*/ 4640802 w 5553123"/>
              <a:gd name="connsiteY52" fmla="*/ 2291528 h 3128654"/>
              <a:gd name="connsiteX53" fmla="*/ 4640802 w 5553123"/>
              <a:gd name="connsiteY53" fmla="*/ 1152113 h 3128654"/>
              <a:gd name="connsiteX54" fmla="*/ 4423612 w 5553123"/>
              <a:gd name="connsiteY54" fmla="*/ 1152113 h 3128654"/>
              <a:gd name="connsiteX55" fmla="*/ 4423612 w 5553123"/>
              <a:gd name="connsiteY55" fmla="*/ 837402 h 3128654"/>
              <a:gd name="connsiteX56" fmla="*/ 4640802 w 5553123"/>
              <a:gd name="connsiteY56" fmla="*/ 837402 h 3128654"/>
              <a:gd name="connsiteX57" fmla="*/ 4640802 w 5553123"/>
              <a:gd name="connsiteY57" fmla="*/ 580004 h 3128654"/>
              <a:gd name="connsiteX58" fmla="*/ 5214998 w 5553123"/>
              <a:gd name="connsiteY58" fmla="*/ 0 h 31286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</a:cxnLst>
            <a:rect l="l" t="t" r="r" b="b"/>
            <a:pathLst>
              <a:path w="5553123" h="3128654">
                <a:moveTo>
                  <a:pt x="3991223" y="1407246"/>
                </a:moveTo>
                <a:lnTo>
                  <a:pt x="3430346" y="1968030"/>
                </a:lnTo>
                <a:cubicBezTo>
                  <a:pt x="3483553" y="1989213"/>
                  <a:pt x="3540297" y="2000023"/>
                  <a:pt x="3597555" y="1999879"/>
                </a:cubicBezTo>
                <a:cubicBezTo>
                  <a:pt x="3819070" y="1999879"/>
                  <a:pt x="4017277" y="1836826"/>
                  <a:pt x="4017277" y="1565700"/>
                </a:cubicBezTo>
                <a:lnTo>
                  <a:pt x="4017243" y="1565803"/>
                </a:lnTo>
                <a:cubicBezTo>
                  <a:pt x="4017518" y="1511866"/>
                  <a:pt x="4008729" y="1458269"/>
                  <a:pt x="3991223" y="1407246"/>
                </a:cubicBezTo>
                <a:close/>
                <a:moveTo>
                  <a:pt x="3597692" y="1131487"/>
                </a:moveTo>
                <a:cubicBezTo>
                  <a:pt x="3370204" y="1131487"/>
                  <a:pt x="3172031" y="1294574"/>
                  <a:pt x="3172031" y="1565700"/>
                </a:cubicBezTo>
                <a:lnTo>
                  <a:pt x="3171997" y="1565803"/>
                </a:lnTo>
                <a:cubicBezTo>
                  <a:pt x="3171757" y="1618927"/>
                  <a:pt x="3180304" y="1671724"/>
                  <a:pt x="3197296" y="1722061"/>
                </a:cubicBezTo>
                <a:lnTo>
                  <a:pt x="3757830" y="1161723"/>
                </a:lnTo>
                <a:cubicBezTo>
                  <a:pt x="3706819" y="1141649"/>
                  <a:pt x="3652513" y="1131391"/>
                  <a:pt x="3597692" y="1131487"/>
                </a:cubicBezTo>
                <a:close/>
                <a:moveTo>
                  <a:pt x="2205438" y="837298"/>
                </a:moveTo>
                <a:lnTo>
                  <a:pt x="2590180" y="837298"/>
                </a:lnTo>
                <a:lnTo>
                  <a:pt x="2590180" y="2548651"/>
                </a:lnTo>
                <a:cubicBezTo>
                  <a:pt x="2590180" y="2895520"/>
                  <a:pt x="2359911" y="3128654"/>
                  <a:pt x="2015984" y="3128654"/>
                </a:cubicBezTo>
                <a:cubicBezTo>
                  <a:pt x="1922717" y="3128654"/>
                  <a:pt x="1838202" y="3111014"/>
                  <a:pt x="1756572" y="3073262"/>
                </a:cubicBezTo>
                <a:lnTo>
                  <a:pt x="1844038" y="2761571"/>
                </a:lnTo>
                <a:cubicBezTo>
                  <a:pt x="1896456" y="2779074"/>
                  <a:pt x="1948909" y="2787791"/>
                  <a:pt x="1989724" y="2787791"/>
                </a:cubicBezTo>
                <a:cubicBezTo>
                  <a:pt x="2118006" y="2787791"/>
                  <a:pt x="2205438" y="2691627"/>
                  <a:pt x="2205438" y="2548857"/>
                </a:cubicBezTo>
                <a:close/>
                <a:moveTo>
                  <a:pt x="4139105" y="780499"/>
                </a:moveTo>
                <a:lnTo>
                  <a:pt x="4378642" y="1020017"/>
                </a:lnTo>
                <a:lnTo>
                  <a:pt x="4263474" y="1135365"/>
                </a:lnTo>
                <a:cubicBezTo>
                  <a:pt x="4343457" y="1255038"/>
                  <a:pt x="4390485" y="1401034"/>
                  <a:pt x="4390485" y="1565769"/>
                </a:cubicBezTo>
                <a:cubicBezTo>
                  <a:pt x="4390485" y="2023285"/>
                  <a:pt x="4028880" y="2335080"/>
                  <a:pt x="3597520" y="2335080"/>
                </a:cubicBezTo>
                <a:cubicBezTo>
                  <a:pt x="3442429" y="2335080"/>
                  <a:pt x="3296983" y="2295681"/>
                  <a:pt x="3173748" y="2224604"/>
                </a:cubicBezTo>
                <a:lnTo>
                  <a:pt x="3050169" y="2348155"/>
                </a:lnTo>
                <a:lnTo>
                  <a:pt x="2810563" y="2108707"/>
                </a:lnTo>
                <a:lnTo>
                  <a:pt x="2925320" y="1993976"/>
                </a:lnTo>
                <a:cubicBezTo>
                  <a:pt x="2845543" y="1875058"/>
                  <a:pt x="2798892" y="1729886"/>
                  <a:pt x="2798892" y="1565838"/>
                </a:cubicBezTo>
                <a:cubicBezTo>
                  <a:pt x="2798892" y="1108390"/>
                  <a:pt x="3160291" y="793644"/>
                  <a:pt x="3597486" y="793644"/>
                </a:cubicBezTo>
                <a:cubicBezTo>
                  <a:pt x="3749866" y="793644"/>
                  <a:pt x="3893424" y="833077"/>
                  <a:pt x="4015526" y="904050"/>
                </a:cubicBezTo>
                <a:close/>
                <a:moveTo>
                  <a:pt x="396379" y="435140"/>
                </a:moveTo>
                <a:lnTo>
                  <a:pt x="396379" y="1932956"/>
                </a:lnTo>
                <a:lnTo>
                  <a:pt x="846344" y="1932956"/>
                </a:lnTo>
                <a:cubicBezTo>
                  <a:pt x="1298059" y="1932956"/>
                  <a:pt x="1601274" y="1632830"/>
                  <a:pt x="1601274" y="1184065"/>
                </a:cubicBezTo>
                <a:cubicBezTo>
                  <a:pt x="1601274" y="735300"/>
                  <a:pt x="1298128" y="435140"/>
                  <a:pt x="846344" y="435140"/>
                </a:cubicBezTo>
                <a:close/>
                <a:moveTo>
                  <a:pt x="0" y="76739"/>
                </a:moveTo>
                <a:lnTo>
                  <a:pt x="820049" y="76739"/>
                </a:lnTo>
                <a:cubicBezTo>
                  <a:pt x="1528328" y="76739"/>
                  <a:pt x="2000502" y="519670"/>
                  <a:pt x="2000502" y="1184065"/>
                </a:cubicBezTo>
                <a:cubicBezTo>
                  <a:pt x="2000502" y="1848460"/>
                  <a:pt x="1528328" y="2291391"/>
                  <a:pt x="820049" y="2291391"/>
                </a:cubicBezTo>
                <a:lnTo>
                  <a:pt x="0" y="2291391"/>
                </a:lnTo>
                <a:close/>
                <a:moveTo>
                  <a:pt x="5214998" y="0"/>
                </a:moveTo>
                <a:cubicBezTo>
                  <a:pt x="5308265" y="0"/>
                  <a:pt x="5392780" y="17641"/>
                  <a:pt x="5474410" y="55393"/>
                </a:cubicBezTo>
                <a:lnTo>
                  <a:pt x="5386944" y="367187"/>
                </a:lnTo>
                <a:cubicBezTo>
                  <a:pt x="5334526" y="349684"/>
                  <a:pt x="5282074" y="340932"/>
                  <a:pt x="5241258" y="340932"/>
                </a:cubicBezTo>
                <a:cubicBezTo>
                  <a:pt x="5112976" y="340932"/>
                  <a:pt x="5025544" y="437131"/>
                  <a:pt x="5025544" y="579901"/>
                </a:cubicBezTo>
                <a:lnTo>
                  <a:pt x="5025544" y="837299"/>
                </a:lnTo>
                <a:lnTo>
                  <a:pt x="5553123" y="837402"/>
                </a:lnTo>
                <a:lnTo>
                  <a:pt x="5553123" y="1152113"/>
                </a:lnTo>
                <a:lnTo>
                  <a:pt x="5025544" y="1152113"/>
                </a:lnTo>
                <a:lnTo>
                  <a:pt x="5025544" y="2291528"/>
                </a:lnTo>
                <a:lnTo>
                  <a:pt x="4640802" y="2291528"/>
                </a:lnTo>
                <a:lnTo>
                  <a:pt x="4640802" y="1152113"/>
                </a:lnTo>
                <a:lnTo>
                  <a:pt x="4423612" y="1152113"/>
                </a:lnTo>
                <a:lnTo>
                  <a:pt x="4423612" y="837402"/>
                </a:lnTo>
                <a:lnTo>
                  <a:pt x="4640802" y="837402"/>
                </a:lnTo>
                <a:lnTo>
                  <a:pt x="4640802" y="580004"/>
                </a:lnTo>
                <a:cubicBezTo>
                  <a:pt x="4640802" y="233134"/>
                  <a:pt x="4871070" y="0"/>
                  <a:pt x="5214998" y="0"/>
                </a:cubicBezTo>
                <a:close/>
              </a:path>
            </a:pathLst>
          </a:custGeom>
          <a:solidFill>
            <a:srgbClr val="1D1D1B"/>
          </a:solidFill>
          <a:ln w="3432" cap="flat">
            <a:noFill/>
            <a:prstDash val="solid"/>
            <a:miter/>
          </a:ln>
        </p:spPr>
        <p:txBody>
          <a:bodyPr anchor="ctr"/>
          <a:lstStyle/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013" dirty="0">
              <a:latin typeface="+mn-lt"/>
            </a:endParaRP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970" r:id="rId1"/>
    <p:sldLayoutId id="2147483971" r:id="rId2"/>
    <p:sldLayoutId id="2147483972" r:id="rId3"/>
    <p:sldLayoutId id="2147483973" r:id="rId4"/>
    <p:sldLayoutId id="2147483974" r:id="rId5"/>
    <p:sldLayoutId id="2147483975" r:id="rId6"/>
    <p:sldLayoutId id="2147483976" r:id="rId7"/>
    <p:sldLayoutId id="2147483977" r:id="rId8"/>
    <p:sldLayoutId id="2147483978" r:id="rId9"/>
    <p:sldLayoutId id="2147483979" r:id="rId10"/>
    <p:sldLayoutId id="2147483980" r:id="rId11"/>
    <p:sldLayoutId id="2147483981" r:id="rId12"/>
    <p:sldLayoutId id="2147483982" r:id="rId13"/>
    <p:sldLayoutId id="2147483983" r:id="rId14"/>
    <p:sldLayoutId id="2147483984" r:id="rId15"/>
    <p:sldLayoutId id="2147483985" r:id="rId16"/>
    <p:sldLayoutId id="2147483986" r:id="rId17"/>
    <p:sldLayoutId id="2147483987" r:id="rId18"/>
    <p:sldLayoutId id="2147483988" r:id="rId19"/>
    <p:sldLayoutId id="2147483989" r:id="rId20"/>
    <p:sldLayoutId id="2147483990" r:id="rId21"/>
    <p:sldLayoutId id="2147483991" r:id="rId22"/>
    <p:sldLayoutId id="2147483992" r:id="rId23"/>
    <p:sldLayoutId id="2147483993" r:id="rId24"/>
    <p:sldLayoutId id="2147483994" r:id="rId25"/>
    <p:sldLayoutId id="2147483995" r:id="rId26"/>
    <p:sldLayoutId id="2147483996" r:id="rId27"/>
    <p:sldLayoutId id="2147483997" r:id="rId28"/>
    <p:sldLayoutId id="2147483998" r:id="rId29"/>
    <p:sldLayoutId id="2147483999" r:id="rId30"/>
    <p:sldLayoutId id="2147484000" r:id="rId31"/>
    <p:sldLayoutId id="2147484001" r:id="rId32"/>
    <p:sldLayoutId id="2147484002" r:id="rId33"/>
    <p:sldLayoutId id="2147484003" r:id="rId34"/>
    <p:sldLayoutId id="2147484004" r:id="rId35"/>
    <p:sldLayoutId id="2147484005" r:id="rId36"/>
    <p:sldLayoutId id="2147484006" r:id="rId37"/>
    <p:sldLayoutId id="2147484007" r:id="rId38"/>
    <p:sldLayoutId id="2147484008" r:id="rId39"/>
    <p:sldLayoutId id="2147484009" r:id="rId40"/>
  </p:sldLayoutIdLst>
  <p:hf hdr="0" ftr="0"/>
  <p:txStyles>
    <p:titleStyle>
      <a:lvl1pPr algn="l" defTabSz="514350" rtl="0" fontAlgn="base">
        <a:spcBef>
          <a:spcPct val="0"/>
        </a:spcBef>
        <a:spcAft>
          <a:spcPct val="0"/>
        </a:spcAft>
        <a:defRPr b="1" kern="1200">
          <a:solidFill>
            <a:schemeClr val="tx1"/>
          </a:solidFill>
          <a:latin typeface="+mj-lt"/>
          <a:ea typeface="+mj-ea"/>
          <a:cs typeface="+mj-cs"/>
        </a:defRPr>
      </a:lvl1pPr>
      <a:lvl2pPr algn="l" defTabSz="514350" rtl="0" fontAlgn="base">
        <a:spcBef>
          <a:spcPct val="0"/>
        </a:spcBef>
        <a:spcAft>
          <a:spcPct val="0"/>
        </a:spcAft>
        <a:defRPr b="1">
          <a:solidFill>
            <a:schemeClr val="tx1"/>
          </a:solidFill>
          <a:latin typeface="Djoef Offc" charset="0"/>
        </a:defRPr>
      </a:lvl2pPr>
      <a:lvl3pPr algn="l" defTabSz="514350" rtl="0" fontAlgn="base">
        <a:spcBef>
          <a:spcPct val="0"/>
        </a:spcBef>
        <a:spcAft>
          <a:spcPct val="0"/>
        </a:spcAft>
        <a:defRPr b="1">
          <a:solidFill>
            <a:schemeClr val="tx1"/>
          </a:solidFill>
          <a:latin typeface="Djoef Offc" charset="0"/>
        </a:defRPr>
      </a:lvl3pPr>
      <a:lvl4pPr algn="l" defTabSz="514350" rtl="0" fontAlgn="base">
        <a:spcBef>
          <a:spcPct val="0"/>
        </a:spcBef>
        <a:spcAft>
          <a:spcPct val="0"/>
        </a:spcAft>
        <a:defRPr b="1">
          <a:solidFill>
            <a:schemeClr val="tx1"/>
          </a:solidFill>
          <a:latin typeface="Djoef Offc" charset="0"/>
        </a:defRPr>
      </a:lvl4pPr>
      <a:lvl5pPr algn="l" defTabSz="514350" rtl="0" fontAlgn="base">
        <a:spcBef>
          <a:spcPct val="0"/>
        </a:spcBef>
        <a:spcAft>
          <a:spcPct val="0"/>
        </a:spcAft>
        <a:defRPr b="1">
          <a:solidFill>
            <a:schemeClr val="tx1"/>
          </a:solidFill>
          <a:latin typeface="Djoef Offc" charset="0"/>
        </a:defRPr>
      </a:lvl5pPr>
      <a:lvl6pPr marL="457200" algn="l" defTabSz="514350" rtl="0" fontAlgn="base">
        <a:spcBef>
          <a:spcPct val="0"/>
        </a:spcBef>
        <a:spcAft>
          <a:spcPct val="0"/>
        </a:spcAft>
        <a:defRPr b="1">
          <a:solidFill>
            <a:schemeClr val="tx1"/>
          </a:solidFill>
          <a:latin typeface="Djoef Offc" charset="0"/>
        </a:defRPr>
      </a:lvl6pPr>
      <a:lvl7pPr marL="914400" algn="l" defTabSz="514350" rtl="0" fontAlgn="base">
        <a:spcBef>
          <a:spcPct val="0"/>
        </a:spcBef>
        <a:spcAft>
          <a:spcPct val="0"/>
        </a:spcAft>
        <a:defRPr b="1">
          <a:solidFill>
            <a:schemeClr val="tx1"/>
          </a:solidFill>
          <a:latin typeface="Djoef Offc" charset="0"/>
        </a:defRPr>
      </a:lvl7pPr>
      <a:lvl8pPr marL="1371600" algn="l" defTabSz="514350" rtl="0" fontAlgn="base">
        <a:spcBef>
          <a:spcPct val="0"/>
        </a:spcBef>
        <a:spcAft>
          <a:spcPct val="0"/>
        </a:spcAft>
        <a:defRPr b="1">
          <a:solidFill>
            <a:schemeClr val="tx1"/>
          </a:solidFill>
          <a:latin typeface="Djoef Offc" charset="0"/>
        </a:defRPr>
      </a:lvl8pPr>
      <a:lvl9pPr marL="1828800" algn="l" defTabSz="514350" rtl="0" fontAlgn="base">
        <a:spcBef>
          <a:spcPct val="0"/>
        </a:spcBef>
        <a:spcAft>
          <a:spcPct val="0"/>
        </a:spcAft>
        <a:defRPr b="1">
          <a:solidFill>
            <a:schemeClr val="tx1"/>
          </a:solidFill>
          <a:latin typeface="Djoef Offc" charset="0"/>
        </a:defRPr>
      </a:lvl9pPr>
    </p:titleStyle>
    <p:bodyStyle>
      <a:lvl1pPr marL="100013" indent="-100013" algn="l" defTabSz="514350" rtl="0" fontAlgn="base">
        <a:spcBef>
          <a:spcPct val="0"/>
        </a:spcBef>
        <a:spcAft>
          <a:spcPts val="338"/>
        </a:spcAft>
        <a:buFont typeface="Arial" panose="020B0604020202020204" pitchFamily="34" charset="0"/>
        <a:buChar char="•"/>
        <a:defRPr sz="900" kern="1200">
          <a:solidFill>
            <a:schemeClr val="tx1"/>
          </a:solidFill>
          <a:latin typeface="+mn-lt"/>
          <a:ea typeface="+mn-ea"/>
          <a:cs typeface="+mn-cs"/>
        </a:defRPr>
      </a:lvl1pPr>
      <a:lvl2pPr marL="201613" indent="-100013" algn="l" defTabSz="514350" rtl="0" fontAlgn="base">
        <a:spcBef>
          <a:spcPct val="0"/>
        </a:spcBef>
        <a:spcAft>
          <a:spcPts val="338"/>
        </a:spcAft>
        <a:buFont typeface="Arial" panose="020B0604020202020204" pitchFamily="34" charset="0"/>
        <a:buChar char="•"/>
        <a:defRPr sz="900" kern="1200">
          <a:solidFill>
            <a:schemeClr val="tx1"/>
          </a:solidFill>
          <a:latin typeface="+mn-lt"/>
          <a:ea typeface="+mn-ea"/>
          <a:cs typeface="+mn-cs"/>
        </a:defRPr>
      </a:lvl2pPr>
      <a:lvl3pPr marL="303213" indent="-100013" algn="l" defTabSz="514350" rtl="0" fontAlgn="base">
        <a:spcBef>
          <a:spcPct val="0"/>
        </a:spcBef>
        <a:spcAft>
          <a:spcPts val="338"/>
        </a:spcAft>
        <a:buFont typeface="Arial" panose="020B0604020202020204" pitchFamily="34" charset="0"/>
        <a:buChar char="•"/>
        <a:defRPr sz="900" kern="1200">
          <a:solidFill>
            <a:schemeClr val="tx1"/>
          </a:solidFill>
          <a:latin typeface="+mn-lt"/>
          <a:ea typeface="+mn-ea"/>
          <a:cs typeface="+mn-cs"/>
        </a:defRPr>
      </a:lvl3pPr>
      <a:lvl4pPr algn="l" defTabSz="514350" rtl="0" fontAlgn="base">
        <a:spcBef>
          <a:spcPts val="338"/>
        </a:spcBef>
        <a:spcAft>
          <a:spcPts val="338"/>
        </a:spcAft>
        <a:buFont typeface="Arial" panose="020B0604020202020204" pitchFamily="34" charset="0"/>
        <a:buChar char="​"/>
        <a:defRPr sz="900" b="1" kern="1200">
          <a:solidFill>
            <a:schemeClr val="tx1"/>
          </a:solidFill>
          <a:latin typeface="+mj-lt"/>
          <a:ea typeface="+mn-ea"/>
          <a:cs typeface="+mn-cs"/>
        </a:defRPr>
      </a:lvl4pPr>
      <a:lvl5pPr algn="l" defTabSz="514350" rtl="0" fontAlgn="base">
        <a:spcBef>
          <a:spcPct val="0"/>
        </a:spcBef>
        <a:spcAft>
          <a:spcPts val="675"/>
        </a:spcAft>
        <a:buFont typeface="Arial" panose="020B0604020202020204" pitchFamily="34" charset="0"/>
        <a:buChar char="​"/>
        <a:defRPr sz="900" kern="1200">
          <a:solidFill>
            <a:schemeClr val="tx1"/>
          </a:solidFill>
          <a:latin typeface="+mn-lt"/>
          <a:ea typeface="+mn-ea"/>
          <a:cs typeface="+mn-cs"/>
        </a:defRPr>
      </a:lvl5pPr>
      <a:lvl6pPr marL="50625" indent="-50625" algn="l" defTabSz="514350" rtl="0" eaLnBrk="1" latinLnBrk="0" hangingPunct="1">
        <a:lnSpc>
          <a:spcPct val="120000"/>
        </a:lnSpc>
        <a:spcBef>
          <a:spcPts val="0"/>
        </a:spcBef>
        <a:spcAft>
          <a:spcPts val="338"/>
        </a:spcAft>
        <a:buFont typeface="Arial" panose="020B0604020202020204" pitchFamily="34" charset="0"/>
        <a:buChar char="•"/>
        <a:defRPr sz="563" kern="1200">
          <a:solidFill>
            <a:schemeClr val="tx1"/>
          </a:solidFill>
          <a:latin typeface="+mn-lt"/>
          <a:ea typeface="+mn-ea"/>
          <a:cs typeface="+mn-cs"/>
        </a:defRPr>
      </a:lvl6pPr>
      <a:lvl7pPr marL="0" indent="0" algn="l" defTabSz="514350" rtl="0" eaLnBrk="1" latinLnBrk="0" hangingPunct="1">
        <a:lnSpc>
          <a:spcPct val="120000"/>
        </a:lnSpc>
        <a:spcBef>
          <a:spcPts val="338"/>
        </a:spcBef>
        <a:spcAft>
          <a:spcPts val="338"/>
        </a:spcAft>
        <a:buFont typeface="Arial" panose="020B0604020202020204" pitchFamily="34" charset="0"/>
        <a:buChar char="​"/>
        <a:defRPr sz="563" b="1" kern="1200" baseline="0">
          <a:solidFill>
            <a:schemeClr val="tx1"/>
          </a:solidFill>
          <a:latin typeface="+mj-lt"/>
          <a:ea typeface="+mn-ea"/>
          <a:cs typeface="+mn-cs"/>
        </a:defRPr>
      </a:lvl7pPr>
      <a:lvl8pPr marL="0" indent="0" algn="l" defTabSz="514350" rtl="0" eaLnBrk="1" latinLnBrk="0" hangingPunct="1">
        <a:lnSpc>
          <a:spcPct val="120000"/>
        </a:lnSpc>
        <a:spcBef>
          <a:spcPts val="0"/>
        </a:spcBef>
        <a:spcAft>
          <a:spcPts val="338"/>
        </a:spcAft>
        <a:buFont typeface="Arial" panose="020B0604020202020204" pitchFamily="34" charset="0"/>
        <a:buChar char="​"/>
        <a:defRPr sz="563" kern="1200">
          <a:solidFill>
            <a:schemeClr val="tx1"/>
          </a:solidFill>
          <a:latin typeface="+mn-lt"/>
          <a:ea typeface="+mn-ea"/>
          <a:cs typeface="+mn-cs"/>
        </a:defRPr>
      </a:lvl8pPr>
      <a:lvl9pPr marL="0" indent="0" algn="l" defTabSz="514350" rtl="0" eaLnBrk="1" latinLnBrk="0" hangingPunct="1">
        <a:lnSpc>
          <a:spcPct val="93000"/>
        </a:lnSpc>
        <a:spcBef>
          <a:spcPts val="675"/>
        </a:spcBef>
        <a:spcAft>
          <a:spcPts val="0"/>
        </a:spcAft>
        <a:buFont typeface="Arial" panose="020B0604020202020204" pitchFamily="34" charset="0"/>
        <a:buChar char="​"/>
        <a:defRPr sz="3375" kern="12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514350" rtl="0" eaLnBrk="1" latinLnBrk="0" hangingPunct="1">
        <a:defRPr sz="1013" kern="1200">
          <a:solidFill>
            <a:schemeClr val="tx1"/>
          </a:solidFill>
          <a:latin typeface="+mn-lt"/>
          <a:ea typeface="+mn-ea"/>
          <a:cs typeface="+mn-cs"/>
        </a:defRPr>
      </a:lvl1pPr>
      <a:lvl2pPr marL="257175" algn="l" defTabSz="514350" rtl="0" eaLnBrk="1" latinLnBrk="0" hangingPunct="1">
        <a:defRPr sz="1013" kern="1200">
          <a:solidFill>
            <a:schemeClr val="tx1"/>
          </a:solidFill>
          <a:latin typeface="+mn-lt"/>
          <a:ea typeface="+mn-ea"/>
          <a:cs typeface="+mn-cs"/>
        </a:defRPr>
      </a:lvl2pPr>
      <a:lvl3pPr marL="514350" algn="l" defTabSz="514350" rtl="0" eaLnBrk="1" latinLnBrk="0" hangingPunct="1">
        <a:defRPr sz="1013" kern="1200">
          <a:solidFill>
            <a:schemeClr val="tx1"/>
          </a:solidFill>
          <a:latin typeface="+mn-lt"/>
          <a:ea typeface="+mn-ea"/>
          <a:cs typeface="+mn-cs"/>
        </a:defRPr>
      </a:lvl3pPr>
      <a:lvl4pPr marL="771525" algn="l" defTabSz="514350" rtl="0" eaLnBrk="1" latinLnBrk="0" hangingPunct="1">
        <a:defRPr sz="1013" kern="1200">
          <a:solidFill>
            <a:schemeClr val="tx1"/>
          </a:solidFill>
          <a:latin typeface="+mn-lt"/>
          <a:ea typeface="+mn-ea"/>
          <a:cs typeface="+mn-cs"/>
        </a:defRPr>
      </a:lvl4pPr>
      <a:lvl5pPr marL="1028700" algn="l" defTabSz="514350" rtl="0" eaLnBrk="1" latinLnBrk="0" hangingPunct="1">
        <a:defRPr sz="1013" kern="1200">
          <a:solidFill>
            <a:schemeClr val="tx1"/>
          </a:solidFill>
          <a:latin typeface="+mn-lt"/>
          <a:ea typeface="+mn-ea"/>
          <a:cs typeface="+mn-cs"/>
        </a:defRPr>
      </a:lvl5pPr>
      <a:lvl6pPr marL="1285875" algn="l" defTabSz="514350" rtl="0" eaLnBrk="1" latinLnBrk="0" hangingPunct="1">
        <a:defRPr sz="1013" kern="1200">
          <a:solidFill>
            <a:schemeClr val="tx1"/>
          </a:solidFill>
          <a:latin typeface="+mn-lt"/>
          <a:ea typeface="+mn-ea"/>
          <a:cs typeface="+mn-cs"/>
        </a:defRPr>
      </a:lvl6pPr>
      <a:lvl7pPr marL="1543050" algn="l" defTabSz="514350" rtl="0" eaLnBrk="1" latinLnBrk="0" hangingPunct="1">
        <a:defRPr sz="1013" kern="1200">
          <a:solidFill>
            <a:schemeClr val="tx1"/>
          </a:solidFill>
          <a:latin typeface="+mn-lt"/>
          <a:ea typeface="+mn-ea"/>
          <a:cs typeface="+mn-cs"/>
        </a:defRPr>
      </a:lvl7pPr>
      <a:lvl8pPr marL="1800225" algn="l" defTabSz="514350" rtl="0" eaLnBrk="1" latinLnBrk="0" hangingPunct="1">
        <a:defRPr sz="1013" kern="1200">
          <a:solidFill>
            <a:schemeClr val="tx1"/>
          </a:solidFill>
          <a:latin typeface="+mn-lt"/>
          <a:ea typeface="+mn-ea"/>
          <a:cs typeface="+mn-cs"/>
        </a:defRPr>
      </a:lvl8pPr>
      <a:lvl9pPr marL="2057400" algn="l" defTabSz="514350" rtl="0" eaLnBrk="1" latinLnBrk="0" hangingPunct="1">
        <a:defRPr sz="1013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slideLayout" Target="../slideLayouts/slideLayout69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slideLayout" Target="../slideLayouts/slideLayout34.xml"/><Relationship Id="rId1" Type="http://schemas.openxmlformats.org/officeDocument/2006/relationships/tags" Target="../tags/tag10.xml"/><Relationship Id="rId4" Type="http://schemas.openxmlformats.org/officeDocument/2006/relationships/image" Target="../media/image23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slideLayout" Target="../slideLayouts/slideLayout34.xml"/><Relationship Id="rId1" Type="http://schemas.openxmlformats.org/officeDocument/2006/relationships/tags" Target="../tags/tag11.xml"/><Relationship Id="rId4" Type="http://schemas.openxmlformats.org/officeDocument/2006/relationships/image" Target="../media/image24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slideLayout" Target="../slideLayouts/slideLayout34.xml"/><Relationship Id="rId1" Type="http://schemas.openxmlformats.org/officeDocument/2006/relationships/tags" Target="../tags/tag12.xml"/><Relationship Id="rId4" Type="http://schemas.openxmlformats.org/officeDocument/2006/relationships/image" Target="../media/image25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slideLayout" Target="../slideLayouts/slideLayout34.xml"/><Relationship Id="rId1" Type="http://schemas.openxmlformats.org/officeDocument/2006/relationships/tags" Target="../tags/tag13.xml"/><Relationship Id="rId4" Type="http://schemas.openxmlformats.org/officeDocument/2006/relationships/image" Target="../media/image26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slideLayout" Target="../slideLayouts/slideLayout34.xml"/><Relationship Id="rId1" Type="http://schemas.openxmlformats.org/officeDocument/2006/relationships/tags" Target="../tags/tag14.xml"/><Relationship Id="rId4" Type="http://schemas.openxmlformats.org/officeDocument/2006/relationships/image" Target="../media/image27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slideLayout" Target="../slideLayouts/slideLayout34.xml"/><Relationship Id="rId1" Type="http://schemas.openxmlformats.org/officeDocument/2006/relationships/tags" Target="../tags/tag15.xml"/><Relationship Id="rId4" Type="http://schemas.openxmlformats.org/officeDocument/2006/relationships/image" Target="../media/image28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slideLayout" Target="../slideLayouts/slideLayout34.xml"/><Relationship Id="rId1" Type="http://schemas.openxmlformats.org/officeDocument/2006/relationships/tags" Target="../tags/tag16.xml"/><Relationship Id="rId4" Type="http://schemas.openxmlformats.org/officeDocument/2006/relationships/image" Target="../media/image29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slideLayout" Target="../slideLayouts/slideLayout34.xml"/><Relationship Id="rId1" Type="http://schemas.openxmlformats.org/officeDocument/2006/relationships/tags" Target="../tags/tag17.xml"/><Relationship Id="rId4" Type="http://schemas.openxmlformats.org/officeDocument/2006/relationships/image" Target="../media/image30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slideLayout" Target="../slideLayouts/slideLayout34.xml"/><Relationship Id="rId1" Type="http://schemas.openxmlformats.org/officeDocument/2006/relationships/tags" Target="../tags/tag18.xml"/><Relationship Id="rId4" Type="http://schemas.openxmlformats.org/officeDocument/2006/relationships/image" Target="../media/image31.pn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slideLayout" Target="../slideLayouts/slideLayout34.xml"/><Relationship Id="rId1" Type="http://schemas.openxmlformats.org/officeDocument/2006/relationships/tags" Target="../tags/tag19.xml"/><Relationship Id="rId4" Type="http://schemas.openxmlformats.org/officeDocument/2006/relationships/image" Target="../media/image32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slideLayout" Target="../slideLayouts/slideLayout34.xml"/><Relationship Id="rId1" Type="http://schemas.openxmlformats.org/officeDocument/2006/relationships/tags" Target="../tags/tag2.xml"/><Relationship Id="rId4" Type="http://schemas.openxmlformats.org/officeDocument/2006/relationships/image" Target="../media/image15.png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slideLayout" Target="../slideLayouts/slideLayout34.xml"/><Relationship Id="rId1" Type="http://schemas.openxmlformats.org/officeDocument/2006/relationships/tags" Target="../tags/tag20.xml"/><Relationship Id="rId4" Type="http://schemas.openxmlformats.org/officeDocument/2006/relationships/image" Target="../media/image33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slideLayout" Target="../slideLayouts/slideLayout34.xml"/><Relationship Id="rId1" Type="http://schemas.openxmlformats.org/officeDocument/2006/relationships/tags" Target="../tags/tag3.xml"/><Relationship Id="rId4" Type="http://schemas.openxmlformats.org/officeDocument/2006/relationships/image" Target="../media/image16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slideLayout" Target="../slideLayouts/slideLayout34.xml"/><Relationship Id="rId1" Type="http://schemas.openxmlformats.org/officeDocument/2006/relationships/tags" Target="../tags/tag4.xml"/><Relationship Id="rId4" Type="http://schemas.openxmlformats.org/officeDocument/2006/relationships/image" Target="../media/image17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slideLayout" Target="../slideLayouts/slideLayout34.xml"/><Relationship Id="rId1" Type="http://schemas.openxmlformats.org/officeDocument/2006/relationships/tags" Target="../tags/tag5.xml"/><Relationship Id="rId4" Type="http://schemas.openxmlformats.org/officeDocument/2006/relationships/image" Target="../media/image18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slideLayout" Target="../slideLayouts/slideLayout34.xml"/><Relationship Id="rId1" Type="http://schemas.openxmlformats.org/officeDocument/2006/relationships/tags" Target="../tags/tag6.xml"/><Relationship Id="rId4" Type="http://schemas.openxmlformats.org/officeDocument/2006/relationships/image" Target="../media/image19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slideLayout" Target="../slideLayouts/slideLayout34.xml"/><Relationship Id="rId1" Type="http://schemas.openxmlformats.org/officeDocument/2006/relationships/tags" Target="../tags/tag7.xml"/><Relationship Id="rId4" Type="http://schemas.openxmlformats.org/officeDocument/2006/relationships/image" Target="../media/image20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slideLayout" Target="../slideLayouts/slideLayout34.xml"/><Relationship Id="rId1" Type="http://schemas.openxmlformats.org/officeDocument/2006/relationships/tags" Target="../tags/tag8.xml"/><Relationship Id="rId4" Type="http://schemas.openxmlformats.org/officeDocument/2006/relationships/image" Target="../media/image21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slideLayout" Target="../slideLayouts/slideLayout34.xml"/><Relationship Id="rId1" Type="http://schemas.openxmlformats.org/officeDocument/2006/relationships/tags" Target="../tags/tag9.xml"/><Relationship Id="rId4" Type="http://schemas.openxmlformats.org/officeDocument/2006/relationships/image" Target="../media/image22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A213B444-C277-7138-3E78-A4D87DC6D680}"/>
              </a:ext>
            </a:extLst>
          </p:cNvPr>
          <p:cNvSpPr>
            <a:spLocks noGrp="1"/>
          </p:cNvSpPr>
          <p:nvPr>
            <p:ph type="dt" sz="quarter" idx="10"/>
          </p:nvPr>
        </p:nvSpPr>
        <p:spPr/>
        <p:txBody>
          <a:bodyPr/>
          <a:lstStyle/>
          <a:p>
            <a:pPr>
              <a:defRPr/>
            </a:pPr>
            <a:fld id="{F5D256A5-6A5C-4283-943F-D274EC5F677C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04DBDFA9-F8E8-92CA-3BAE-71B2BFDDC34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1AB5FDB3-EC2D-4548-9FF8-4ED3774924E8}" type="slidenum">
              <a:rPr lang="da-DK"/>
              <a:pPr>
                <a:defRPr/>
              </a:pPr>
              <a:t>1</a:t>
            </a:fld>
            <a:endParaRPr lang="da-DK" dirty="0"/>
          </a:p>
        </p:txBody>
      </p:sp>
      <p:sp>
        <p:nvSpPr>
          <p:cNvPr id="6" name="Tekstfelt 5">
            <a:extLst>
              <a:ext uri="{FF2B5EF4-FFF2-40B4-BE49-F238E27FC236}">
                <a16:creationId xmlns:a16="http://schemas.microsoft.com/office/drawing/2014/main" id="{818D8183-8C1E-D7C6-9D0B-3B6A5D379843}"/>
              </a:ext>
            </a:extLst>
          </p:cNvPr>
          <p:cNvSpPr txBox="1"/>
          <p:nvPr/>
        </p:nvSpPr>
        <p:spPr>
          <a:xfrm flipH="1">
            <a:off x="1384300" y="5429250"/>
            <a:ext cx="4089400" cy="1371600"/>
          </a:xfrm>
          <a:prstGeom prst="rect">
            <a:avLst/>
          </a:prstGeom>
          <a:noFill/>
        </p:spPr>
        <p:txBody>
          <a:bodyPr lIns="0" tIns="0" rIns="0" bIns="0">
            <a:spAutoFit/>
          </a:bodyPr>
          <a:lstStyle/>
          <a:p>
            <a:pPr algn="ctr" defTabSz="514350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r>
              <a:rPr lang="da-DK" sz="2981" dirty="0">
                <a:solidFill>
                  <a:srgbClr val="000000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Erhvervsret til markedsføring og salg </a:t>
            </a:r>
          </a:p>
          <a:p>
            <a:pPr algn="ctr" defTabSz="514350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da-DK" sz="1350" dirty="0">
              <a:solidFill>
                <a:srgbClr val="000000"/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  <a:p>
            <a:pPr algn="ctr" defTabSz="514350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r>
              <a:rPr lang="da-DK" sz="1600" dirty="0">
                <a:solidFill>
                  <a:srgbClr val="000000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Flowdiagrammer</a:t>
            </a:r>
          </a:p>
        </p:txBody>
      </p:sp>
      <p:sp>
        <p:nvSpPr>
          <p:cNvPr id="76805" name="Tekstfelt 6">
            <a:extLst>
              <a:ext uri="{FF2B5EF4-FFF2-40B4-BE49-F238E27FC236}">
                <a16:creationId xmlns:a16="http://schemas.microsoft.com/office/drawing/2014/main" id="{C0C745DE-0FFE-9035-5B11-400B9170BDFE}"/>
              </a:ext>
            </a:extLst>
          </p:cNvPr>
          <p:cNvSpPr txBox="1">
            <a:spLocks noChangeArrowheads="1"/>
          </p:cNvSpPr>
          <p:nvPr/>
        </p:nvSpPr>
        <p:spPr bwMode="auto">
          <a:xfrm flipH="1">
            <a:off x="1804988" y="11293475"/>
            <a:ext cx="3248025" cy="4921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>
            <a:spAutoFit/>
          </a:bodyPr>
          <a:lstStyle>
            <a:lvl1pPr defTabSz="514350">
              <a:defRPr>
                <a:solidFill>
                  <a:schemeClr val="tx1"/>
                </a:solidFill>
                <a:latin typeface="Djoef Offc" charset="0"/>
              </a:defRPr>
            </a:lvl1pPr>
            <a:lvl2pPr marL="742950" indent="-285750" defTabSz="514350">
              <a:defRPr>
                <a:solidFill>
                  <a:schemeClr val="tx1"/>
                </a:solidFill>
                <a:latin typeface="Djoef Offc" charset="0"/>
              </a:defRPr>
            </a:lvl2pPr>
            <a:lvl3pPr marL="1143000" indent="-228600" defTabSz="514350">
              <a:defRPr>
                <a:solidFill>
                  <a:schemeClr val="tx1"/>
                </a:solidFill>
                <a:latin typeface="Djoef Offc" charset="0"/>
              </a:defRPr>
            </a:lvl3pPr>
            <a:lvl4pPr marL="1600200" indent="-228600" defTabSz="514350">
              <a:defRPr>
                <a:solidFill>
                  <a:schemeClr val="tx1"/>
                </a:solidFill>
                <a:latin typeface="Djoef Offc" charset="0"/>
              </a:defRPr>
            </a:lvl4pPr>
            <a:lvl5pPr marL="2057400" indent="-228600" defTabSz="514350">
              <a:defRPr>
                <a:solidFill>
                  <a:schemeClr val="tx1"/>
                </a:solidFill>
                <a:latin typeface="Djoef Offc" charset="0"/>
              </a:defRPr>
            </a:lvl5pPr>
            <a:lvl6pPr marL="25146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6pPr>
            <a:lvl7pPr marL="29718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7pPr>
            <a:lvl8pPr marL="34290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8pPr>
            <a:lvl9pPr marL="38862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9pPr>
          </a:lstStyle>
          <a:p>
            <a:pPr algn="ctr" eaLnBrk="1" hangingPunct="1"/>
            <a:r>
              <a:rPr lang="da-DK" altLang="da-DK" sz="1600">
                <a:solidFill>
                  <a:srgbClr val="000000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Erhvervsret til markedsføring og salg</a:t>
            </a:r>
          </a:p>
          <a:p>
            <a:pPr algn="ctr" eaLnBrk="1" hangingPunct="1"/>
            <a:r>
              <a:rPr lang="da-DK" altLang="en-US" sz="1600">
                <a:solidFill>
                  <a:srgbClr val="000000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© Louise Kragh Ottesen</a:t>
            </a:r>
            <a:endParaRPr lang="da-DK" altLang="da-DK" sz="1600">
              <a:solidFill>
                <a:srgbClr val="000000"/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pic>
        <p:nvPicPr>
          <p:cNvPr id="76806" name="Billede 7">
            <a:extLst>
              <a:ext uri="{FF2B5EF4-FFF2-40B4-BE49-F238E27FC236}">
                <a16:creationId xmlns:a16="http://schemas.microsoft.com/office/drawing/2014/main" id="{D2174CF2-9095-478A-DED8-B1816428620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6858000" cy="4445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custDataLst>
      <p:tags r:id="rId1"/>
    </p:custDataLst>
  </p:cSld>
  <p:clrMapOvr>
    <a:masterClrMapping/>
  </p:clrMapOvr>
  <p:transition spd="slow"/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0230B46-35A4-B061-BB65-5E34F4C2B0D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13018D49-8484-47EE-B3C8-73ACD2AA7831}" type="slidenum">
              <a:rPr lang="da-DK"/>
              <a:pPr>
                <a:defRPr/>
              </a:pPr>
              <a:t>10</a:t>
            </a:fld>
            <a:endParaRPr lang="da-DK" dirty="0"/>
          </a:p>
        </p:txBody>
      </p:sp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AF52507F-BBAD-8F01-9EEE-3375602781CB}"/>
              </a:ext>
            </a:extLst>
          </p:cNvPr>
          <p:cNvSpPr>
            <a:spLocks noGrp="1"/>
          </p:cNvSpPr>
          <p:nvPr>
            <p:ph type="dt" sz="quarter" idx="10"/>
          </p:nvPr>
        </p:nvSpPr>
        <p:spPr/>
        <p:txBody>
          <a:bodyPr/>
          <a:lstStyle/>
          <a:p>
            <a:pPr>
              <a:defRPr/>
            </a:pPr>
            <a:fld id="{F5D256A5-6A5C-4283-943F-D274EC5F677C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pic>
        <p:nvPicPr>
          <p:cNvPr id="86020" name="Billede 5">
            <a:extLst>
              <a:ext uri="{FF2B5EF4-FFF2-40B4-BE49-F238E27FC236}">
                <a16:creationId xmlns:a16="http://schemas.microsoft.com/office/drawing/2014/main" id="{DF91B046-D5D5-0219-FB55-3DAB64092D2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6858000" cy="447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86021" name="Tekstfelt 2">
            <a:extLst>
              <a:ext uri="{FF2B5EF4-FFF2-40B4-BE49-F238E27FC236}">
                <a16:creationId xmlns:a16="http://schemas.microsoft.com/office/drawing/2014/main" id="{1A25EF08-7431-E08E-C59B-C14ED43A9FE2}"/>
              </a:ext>
            </a:extLst>
          </p:cNvPr>
          <p:cNvSpPr txBox="1">
            <a:spLocks noChangeArrowheads="1"/>
          </p:cNvSpPr>
          <p:nvPr/>
        </p:nvSpPr>
        <p:spPr bwMode="auto">
          <a:xfrm flipH="1">
            <a:off x="1804988" y="11293475"/>
            <a:ext cx="3248025" cy="4921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>
            <a:spAutoFit/>
          </a:bodyPr>
          <a:lstStyle>
            <a:lvl1pPr defTabSz="514350">
              <a:defRPr>
                <a:solidFill>
                  <a:schemeClr val="tx1"/>
                </a:solidFill>
                <a:latin typeface="Djoef Offc" charset="0"/>
              </a:defRPr>
            </a:lvl1pPr>
            <a:lvl2pPr marL="742950" indent="-285750" defTabSz="514350">
              <a:defRPr>
                <a:solidFill>
                  <a:schemeClr val="tx1"/>
                </a:solidFill>
                <a:latin typeface="Djoef Offc" charset="0"/>
              </a:defRPr>
            </a:lvl2pPr>
            <a:lvl3pPr marL="1143000" indent="-228600" defTabSz="514350">
              <a:defRPr>
                <a:solidFill>
                  <a:schemeClr val="tx1"/>
                </a:solidFill>
                <a:latin typeface="Djoef Offc" charset="0"/>
              </a:defRPr>
            </a:lvl3pPr>
            <a:lvl4pPr marL="1600200" indent="-228600" defTabSz="514350">
              <a:defRPr>
                <a:solidFill>
                  <a:schemeClr val="tx1"/>
                </a:solidFill>
                <a:latin typeface="Djoef Offc" charset="0"/>
              </a:defRPr>
            </a:lvl4pPr>
            <a:lvl5pPr marL="2057400" indent="-228600" defTabSz="514350">
              <a:defRPr>
                <a:solidFill>
                  <a:schemeClr val="tx1"/>
                </a:solidFill>
                <a:latin typeface="Djoef Offc" charset="0"/>
              </a:defRPr>
            </a:lvl5pPr>
            <a:lvl6pPr marL="25146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6pPr>
            <a:lvl7pPr marL="29718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7pPr>
            <a:lvl8pPr marL="34290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8pPr>
            <a:lvl9pPr marL="38862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9pPr>
          </a:lstStyle>
          <a:p>
            <a:pPr algn="ctr" eaLnBrk="1" hangingPunct="1"/>
            <a:r>
              <a:rPr lang="da-DK" altLang="da-DK" sz="1600">
                <a:solidFill>
                  <a:srgbClr val="000000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Erhvervsret til markedsføring og salg</a:t>
            </a:r>
          </a:p>
          <a:p>
            <a:pPr algn="ctr" eaLnBrk="1" hangingPunct="1"/>
            <a:r>
              <a:rPr lang="da-DK" altLang="en-US" sz="1600">
                <a:solidFill>
                  <a:srgbClr val="000000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© Louise Kragh Ottesen</a:t>
            </a:r>
            <a:endParaRPr lang="da-DK" altLang="da-DK" sz="1600">
              <a:solidFill>
                <a:srgbClr val="000000"/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pic>
        <p:nvPicPr>
          <p:cNvPr id="86022" name="Billede 4">
            <a:extLst>
              <a:ext uri="{FF2B5EF4-FFF2-40B4-BE49-F238E27FC236}">
                <a16:creationId xmlns:a16="http://schemas.microsoft.com/office/drawing/2014/main" id="{6055159E-7BC4-B303-3D07-56101E9A0A3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2174875"/>
            <a:ext cx="6858000" cy="78422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custDataLst>
      <p:tags r:id="rId1"/>
    </p:custDataLst>
  </p:cSld>
  <p:clrMapOvr>
    <a:masterClrMapping/>
  </p:clrMapOvr>
  <p:transition spd="slow"/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7026882-807B-67B7-CA7F-4B27FD29B86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897F86BF-F6D4-4B2F-8C44-26F4B0C16FBE}" type="slidenum">
              <a:rPr lang="da-DK"/>
              <a:pPr>
                <a:defRPr/>
              </a:pPr>
              <a:t>11</a:t>
            </a:fld>
            <a:endParaRPr lang="da-DK" dirty="0"/>
          </a:p>
        </p:txBody>
      </p:sp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F336B92F-A290-BB75-D4FD-2D4DBB8408CF}"/>
              </a:ext>
            </a:extLst>
          </p:cNvPr>
          <p:cNvSpPr>
            <a:spLocks noGrp="1"/>
          </p:cNvSpPr>
          <p:nvPr>
            <p:ph type="dt" sz="quarter" idx="10"/>
          </p:nvPr>
        </p:nvSpPr>
        <p:spPr/>
        <p:txBody>
          <a:bodyPr/>
          <a:lstStyle/>
          <a:p>
            <a:pPr>
              <a:defRPr/>
            </a:pPr>
            <a:fld id="{F5D256A5-6A5C-4283-943F-D274EC5F677C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pic>
        <p:nvPicPr>
          <p:cNvPr id="87044" name="Billede 5">
            <a:extLst>
              <a:ext uri="{FF2B5EF4-FFF2-40B4-BE49-F238E27FC236}">
                <a16:creationId xmlns:a16="http://schemas.microsoft.com/office/drawing/2014/main" id="{EB3FC739-A152-57C8-8D36-278B183F7E6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6858000" cy="447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87045" name="Tekstfelt 2">
            <a:extLst>
              <a:ext uri="{FF2B5EF4-FFF2-40B4-BE49-F238E27FC236}">
                <a16:creationId xmlns:a16="http://schemas.microsoft.com/office/drawing/2014/main" id="{B91BFE4E-A043-AD1E-D55C-73C5EAEF1D42}"/>
              </a:ext>
            </a:extLst>
          </p:cNvPr>
          <p:cNvSpPr txBox="1">
            <a:spLocks noChangeArrowheads="1"/>
          </p:cNvSpPr>
          <p:nvPr/>
        </p:nvSpPr>
        <p:spPr bwMode="auto">
          <a:xfrm flipH="1">
            <a:off x="1804988" y="11293475"/>
            <a:ext cx="3248025" cy="4921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>
            <a:spAutoFit/>
          </a:bodyPr>
          <a:lstStyle>
            <a:lvl1pPr defTabSz="514350">
              <a:defRPr>
                <a:solidFill>
                  <a:schemeClr val="tx1"/>
                </a:solidFill>
                <a:latin typeface="Djoef Offc" charset="0"/>
              </a:defRPr>
            </a:lvl1pPr>
            <a:lvl2pPr marL="742950" indent="-285750" defTabSz="514350">
              <a:defRPr>
                <a:solidFill>
                  <a:schemeClr val="tx1"/>
                </a:solidFill>
                <a:latin typeface="Djoef Offc" charset="0"/>
              </a:defRPr>
            </a:lvl2pPr>
            <a:lvl3pPr marL="1143000" indent="-228600" defTabSz="514350">
              <a:defRPr>
                <a:solidFill>
                  <a:schemeClr val="tx1"/>
                </a:solidFill>
                <a:latin typeface="Djoef Offc" charset="0"/>
              </a:defRPr>
            </a:lvl3pPr>
            <a:lvl4pPr marL="1600200" indent="-228600" defTabSz="514350">
              <a:defRPr>
                <a:solidFill>
                  <a:schemeClr val="tx1"/>
                </a:solidFill>
                <a:latin typeface="Djoef Offc" charset="0"/>
              </a:defRPr>
            </a:lvl4pPr>
            <a:lvl5pPr marL="2057400" indent="-228600" defTabSz="514350">
              <a:defRPr>
                <a:solidFill>
                  <a:schemeClr val="tx1"/>
                </a:solidFill>
                <a:latin typeface="Djoef Offc" charset="0"/>
              </a:defRPr>
            </a:lvl5pPr>
            <a:lvl6pPr marL="25146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6pPr>
            <a:lvl7pPr marL="29718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7pPr>
            <a:lvl8pPr marL="34290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8pPr>
            <a:lvl9pPr marL="38862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9pPr>
          </a:lstStyle>
          <a:p>
            <a:pPr algn="ctr" eaLnBrk="1" hangingPunct="1"/>
            <a:r>
              <a:rPr lang="da-DK" altLang="da-DK" sz="1600">
                <a:solidFill>
                  <a:srgbClr val="000000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Erhvervsret til markedsføring og salg</a:t>
            </a:r>
          </a:p>
          <a:p>
            <a:pPr algn="ctr" eaLnBrk="1" hangingPunct="1"/>
            <a:r>
              <a:rPr lang="da-DK" altLang="en-US" sz="1600">
                <a:solidFill>
                  <a:srgbClr val="000000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© Louise Kragh Ottesen</a:t>
            </a:r>
            <a:endParaRPr lang="da-DK" altLang="da-DK" sz="1600">
              <a:solidFill>
                <a:srgbClr val="000000"/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pic>
        <p:nvPicPr>
          <p:cNvPr id="87046" name="Billede 4">
            <a:extLst>
              <a:ext uri="{FF2B5EF4-FFF2-40B4-BE49-F238E27FC236}">
                <a16:creationId xmlns:a16="http://schemas.microsoft.com/office/drawing/2014/main" id="{F1F09F8E-54E3-6005-67AD-ACEB885E504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2641600"/>
            <a:ext cx="6858000" cy="6908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custDataLst>
      <p:tags r:id="rId1"/>
    </p:custDataLst>
  </p:cSld>
  <p:clrMapOvr>
    <a:masterClrMapping/>
  </p:clrMapOvr>
  <p:transition spd="slow"/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6A7D978-D291-E8A2-ED85-D032E5D303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328ECF4-2375-4290-AD98-54C19DBD1681}" type="slidenum">
              <a:rPr lang="da-DK"/>
              <a:pPr>
                <a:defRPr/>
              </a:pPr>
              <a:t>12</a:t>
            </a:fld>
            <a:endParaRPr lang="da-DK" dirty="0"/>
          </a:p>
        </p:txBody>
      </p:sp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71DEAE73-AE8D-1D19-26CA-B64E07BCC640}"/>
              </a:ext>
            </a:extLst>
          </p:cNvPr>
          <p:cNvSpPr>
            <a:spLocks noGrp="1"/>
          </p:cNvSpPr>
          <p:nvPr>
            <p:ph type="dt" sz="quarter" idx="10"/>
          </p:nvPr>
        </p:nvSpPr>
        <p:spPr/>
        <p:txBody>
          <a:bodyPr/>
          <a:lstStyle/>
          <a:p>
            <a:pPr>
              <a:defRPr/>
            </a:pPr>
            <a:fld id="{F5D256A5-6A5C-4283-943F-D274EC5F677C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pic>
        <p:nvPicPr>
          <p:cNvPr id="88068" name="Billede 5">
            <a:extLst>
              <a:ext uri="{FF2B5EF4-FFF2-40B4-BE49-F238E27FC236}">
                <a16:creationId xmlns:a16="http://schemas.microsoft.com/office/drawing/2014/main" id="{9B9A0F8F-855D-5F87-8686-814620FB57D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6858000" cy="447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88069" name="Tekstfelt 2">
            <a:extLst>
              <a:ext uri="{FF2B5EF4-FFF2-40B4-BE49-F238E27FC236}">
                <a16:creationId xmlns:a16="http://schemas.microsoft.com/office/drawing/2014/main" id="{15D76295-22AF-C824-1B0A-727117DC2E90}"/>
              </a:ext>
            </a:extLst>
          </p:cNvPr>
          <p:cNvSpPr txBox="1">
            <a:spLocks noChangeArrowheads="1"/>
          </p:cNvSpPr>
          <p:nvPr/>
        </p:nvSpPr>
        <p:spPr bwMode="auto">
          <a:xfrm flipH="1">
            <a:off x="1804988" y="11293475"/>
            <a:ext cx="3248025" cy="4921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>
            <a:spAutoFit/>
          </a:bodyPr>
          <a:lstStyle>
            <a:lvl1pPr defTabSz="514350">
              <a:defRPr>
                <a:solidFill>
                  <a:schemeClr val="tx1"/>
                </a:solidFill>
                <a:latin typeface="Djoef Offc" charset="0"/>
              </a:defRPr>
            </a:lvl1pPr>
            <a:lvl2pPr marL="742950" indent="-285750" defTabSz="514350">
              <a:defRPr>
                <a:solidFill>
                  <a:schemeClr val="tx1"/>
                </a:solidFill>
                <a:latin typeface="Djoef Offc" charset="0"/>
              </a:defRPr>
            </a:lvl2pPr>
            <a:lvl3pPr marL="1143000" indent="-228600" defTabSz="514350">
              <a:defRPr>
                <a:solidFill>
                  <a:schemeClr val="tx1"/>
                </a:solidFill>
                <a:latin typeface="Djoef Offc" charset="0"/>
              </a:defRPr>
            </a:lvl3pPr>
            <a:lvl4pPr marL="1600200" indent="-228600" defTabSz="514350">
              <a:defRPr>
                <a:solidFill>
                  <a:schemeClr val="tx1"/>
                </a:solidFill>
                <a:latin typeface="Djoef Offc" charset="0"/>
              </a:defRPr>
            </a:lvl4pPr>
            <a:lvl5pPr marL="2057400" indent="-228600" defTabSz="514350">
              <a:defRPr>
                <a:solidFill>
                  <a:schemeClr val="tx1"/>
                </a:solidFill>
                <a:latin typeface="Djoef Offc" charset="0"/>
              </a:defRPr>
            </a:lvl5pPr>
            <a:lvl6pPr marL="25146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6pPr>
            <a:lvl7pPr marL="29718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7pPr>
            <a:lvl8pPr marL="34290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8pPr>
            <a:lvl9pPr marL="38862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9pPr>
          </a:lstStyle>
          <a:p>
            <a:pPr algn="ctr" eaLnBrk="1" hangingPunct="1"/>
            <a:r>
              <a:rPr lang="da-DK" altLang="da-DK" sz="1600">
                <a:solidFill>
                  <a:srgbClr val="000000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Erhvervsret til markedsføring og salg</a:t>
            </a:r>
          </a:p>
          <a:p>
            <a:pPr algn="ctr" eaLnBrk="1" hangingPunct="1"/>
            <a:r>
              <a:rPr lang="da-DK" altLang="en-US" sz="1600">
                <a:solidFill>
                  <a:srgbClr val="000000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© Louise Kragh Ottesen</a:t>
            </a:r>
            <a:endParaRPr lang="da-DK" altLang="da-DK" sz="1600">
              <a:solidFill>
                <a:srgbClr val="000000"/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pic>
        <p:nvPicPr>
          <p:cNvPr id="88070" name="Billede 4">
            <a:extLst>
              <a:ext uri="{FF2B5EF4-FFF2-40B4-BE49-F238E27FC236}">
                <a16:creationId xmlns:a16="http://schemas.microsoft.com/office/drawing/2014/main" id="{B1250219-DE39-0D0C-60C7-E0EA1B57EE1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1284288"/>
            <a:ext cx="6858000" cy="96234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custDataLst>
      <p:tags r:id="rId1"/>
    </p:custDataLst>
  </p:cSld>
  <p:clrMapOvr>
    <a:masterClrMapping/>
  </p:clrMapOvr>
  <p:transition spd="slow"/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66C48DA-5A56-0922-CEF0-799F5F93C8D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935282A4-68E7-405C-8EC5-1992E672525B}" type="slidenum">
              <a:rPr lang="da-DK"/>
              <a:pPr>
                <a:defRPr/>
              </a:pPr>
              <a:t>13</a:t>
            </a:fld>
            <a:endParaRPr lang="da-DK" dirty="0"/>
          </a:p>
        </p:txBody>
      </p:sp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A305A629-DA47-29E6-E491-F1A4D8CE46F6}"/>
              </a:ext>
            </a:extLst>
          </p:cNvPr>
          <p:cNvSpPr>
            <a:spLocks noGrp="1"/>
          </p:cNvSpPr>
          <p:nvPr>
            <p:ph type="dt" sz="quarter" idx="10"/>
          </p:nvPr>
        </p:nvSpPr>
        <p:spPr/>
        <p:txBody>
          <a:bodyPr/>
          <a:lstStyle/>
          <a:p>
            <a:pPr>
              <a:defRPr/>
            </a:pPr>
            <a:fld id="{F5D256A5-6A5C-4283-943F-D274EC5F677C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pic>
        <p:nvPicPr>
          <p:cNvPr id="89092" name="Billede 5">
            <a:extLst>
              <a:ext uri="{FF2B5EF4-FFF2-40B4-BE49-F238E27FC236}">
                <a16:creationId xmlns:a16="http://schemas.microsoft.com/office/drawing/2014/main" id="{A8BE835A-1DCC-0560-3C9C-787F4CCF1D2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6858000" cy="447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89093" name="Tekstfelt 2">
            <a:extLst>
              <a:ext uri="{FF2B5EF4-FFF2-40B4-BE49-F238E27FC236}">
                <a16:creationId xmlns:a16="http://schemas.microsoft.com/office/drawing/2014/main" id="{F511E165-B26D-CB26-1F98-3B6AEEC7868A}"/>
              </a:ext>
            </a:extLst>
          </p:cNvPr>
          <p:cNvSpPr txBox="1">
            <a:spLocks noChangeArrowheads="1"/>
          </p:cNvSpPr>
          <p:nvPr/>
        </p:nvSpPr>
        <p:spPr bwMode="auto">
          <a:xfrm flipH="1">
            <a:off x="1804988" y="11293475"/>
            <a:ext cx="3248025" cy="4921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>
            <a:spAutoFit/>
          </a:bodyPr>
          <a:lstStyle>
            <a:lvl1pPr defTabSz="514350">
              <a:defRPr>
                <a:solidFill>
                  <a:schemeClr val="tx1"/>
                </a:solidFill>
                <a:latin typeface="Djoef Offc" charset="0"/>
              </a:defRPr>
            </a:lvl1pPr>
            <a:lvl2pPr marL="742950" indent="-285750" defTabSz="514350">
              <a:defRPr>
                <a:solidFill>
                  <a:schemeClr val="tx1"/>
                </a:solidFill>
                <a:latin typeface="Djoef Offc" charset="0"/>
              </a:defRPr>
            </a:lvl2pPr>
            <a:lvl3pPr marL="1143000" indent="-228600" defTabSz="514350">
              <a:defRPr>
                <a:solidFill>
                  <a:schemeClr val="tx1"/>
                </a:solidFill>
                <a:latin typeface="Djoef Offc" charset="0"/>
              </a:defRPr>
            </a:lvl3pPr>
            <a:lvl4pPr marL="1600200" indent="-228600" defTabSz="514350">
              <a:defRPr>
                <a:solidFill>
                  <a:schemeClr val="tx1"/>
                </a:solidFill>
                <a:latin typeface="Djoef Offc" charset="0"/>
              </a:defRPr>
            </a:lvl4pPr>
            <a:lvl5pPr marL="2057400" indent="-228600" defTabSz="514350">
              <a:defRPr>
                <a:solidFill>
                  <a:schemeClr val="tx1"/>
                </a:solidFill>
                <a:latin typeface="Djoef Offc" charset="0"/>
              </a:defRPr>
            </a:lvl5pPr>
            <a:lvl6pPr marL="25146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6pPr>
            <a:lvl7pPr marL="29718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7pPr>
            <a:lvl8pPr marL="34290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8pPr>
            <a:lvl9pPr marL="38862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9pPr>
          </a:lstStyle>
          <a:p>
            <a:pPr algn="ctr" eaLnBrk="1" hangingPunct="1"/>
            <a:r>
              <a:rPr lang="da-DK" altLang="da-DK" sz="1600">
                <a:solidFill>
                  <a:srgbClr val="000000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Erhvervsret til markedsføring og salg</a:t>
            </a:r>
          </a:p>
          <a:p>
            <a:pPr algn="ctr" eaLnBrk="1" hangingPunct="1"/>
            <a:r>
              <a:rPr lang="da-DK" altLang="en-US" sz="1600">
                <a:solidFill>
                  <a:srgbClr val="000000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© Louise Kragh Ottesen</a:t>
            </a:r>
            <a:endParaRPr lang="da-DK" altLang="da-DK" sz="1600">
              <a:solidFill>
                <a:srgbClr val="000000"/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pic>
        <p:nvPicPr>
          <p:cNvPr id="89094" name="Billede 4">
            <a:extLst>
              <a:ext uri="{FF2B5EF4-FFF2-40B4-BE49-F238E27FC236}">
                <a16:creationId xmlns:a16="http://schemas.microsoft.com/office/drawing/2014/main" id="{4C48761E-D18C-C212-A398-8B7BFC1DEC9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2136775"/>
            <a:ext cx="6858000" cy="79184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custDataLst>
      <p:tags r:id="rId1"/>
    </p:custDataLst>
  </p:cSld>
  <p:clrMapOvr>
    <a:masterClrMapping/>
  </p:clrMapOvr>
  <p:transition spd="slow"/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629AFA0-5241-268C-F14C-659D951278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72FD0A8C-EC98-41A8-AF81-CD1A9EF8A0BD}" type="slidenum">
              <a:rPr lang="da-DK"/>
              <a:pPr>
                <a:defRPr/>
              </a:pPr>
              <a:t>14</a:t>
            </a:fld>
            <a:endParaRPr lang="da-DK" dirty="0"/>
          </a:p>
        </p:txBody>
      </p:sp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269BA46C-F97B-97C4-392D-DFB520E010F8}"/>
              </a:ext>
            </a:extLst>
          </p:cNvPr>
          <p:cNvSpPr>
            <a:spLocks noGrp="1"/>
          </p:cNvSpPr>
          <p:nvPr>
            <p:ph type="dt" sz="quarter" idx="10"/>
          </p:nvPr>
        </p:nvSpPr>
        <p:spPr/>
        <p:txBody>
          <a:bodyPr/>
          <a:lstStyle/>
          <a:p>
            <a:pPr>
              <a:defRPr/>
            </a:pPr>
            <a:fld id="{F5D256A5-6A5C-4283-943F-D274EC5F677C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pic>
        <p:nvPicPr>
          <p:cNvPr id="90116" name="Billede 5">
            <a:extLst>
              <a:ext uri="{FF2B5EF4-FFF2-40B4-BE49-F238E27FC236}">
                <a16:creationId xmlns:a16="http://schemas.microsoft.com/office/drawing/2014/main" id="{D7507A84-D62F-28BB-2ABE-E2C57557D5C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6858000" cy="447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90117" name="Tekstfelt 2">
            <a:extLst>
              <a:ext uri="{FF2B5EF4-FFF2-40B4-BE49-F238E27FC236}">
                <a16:creationId xmlns:a16="http://schemas.microsoft.com/office/drawing/2014/main" id="{1B60BCCD-40DD-DCF6-1D4A-E87FEC06D222}"/>
              </a:ext>
            </a:extLst>
          </p:cNvPr>
          <p:cNvSpPr txBox="1">
            <a:spLocks noChangeArrowheads="1"/>
          </p:cNvSpPr>
          <p:nvPr/>
        </p:nvSpPr>
        <p:spPr bwMode="auto">
          <a:xfrm flipH="1">
            <a:off x="1804988" y="11293475"/>
            <a:ext cx="3248025" cy="4921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>
            <a:spAutoFit/>
          </a:bodyPr>
          <a:lstStyle>
            <a:lvl1pPr defTabSz="514350">
              <a:defRPr>
                <a:solidFill>
                  <a:schemeClr val="tx1"/>
                </a:solidFill>
                <a:latin typeface="Djoef Offc" charset="0"/>
              </a:defRPr>
            </a:lvl1pPr>
            <a:lvl2pPr marL="742950" indent="-285750" defTabSz="514350">
              <a:defRPr>
                <a:solidFill>
                  <a:schemeClr val="tx1"/>
                </a:solidFill>
                <a:latin typeface="Djoef Offc" charset="0"/>
              </a:defRPr>
            </a:lvl2pPr>
            <a:lvl3pPr marL="1143000" indent="-228600" defTabSz="514350">
              <a:defRPr>
                <a:solidFill>
                  <a:schemeClr val="tx1"/>
                </a:solidFill>
                <a:latin typeface="Djoef Offc" charset="0"/>
              </a:defRPr>
            </a:lvl3pPr>
            <a:lvl4pPr marL="1600200" indent="-228600" defTabSz="514350">
              <a:defRPr>
                <a:solidFill>
                  <a:schemeClr val="tx1"/>
                </a:solidFill>
                <a:latin typeface="Djoef Offc" charset="0"/>
              </a:defRPr>
            </a:lvl4pPr>
            <a:lvl5pPr marL="2057400" indent="-228600" defTabSz="514350">
              <a:defRPr>
                <a:solidFill>
                  <a:schemeClr val="tx1"/>
                </a:solidFill>
                <a:latin typeface="Djoef Offc" charset="0"/>
              </a:defRPr>
            </a:lvl5pPr>
            <a:lvl6pPr marL="25146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6pPr>
            <a:lvl7pPr marL="29718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7pPr>
            <a:lvl8pPr marL="34290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8pPr>
            <a:lvl9pPr marL="38862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9pPr>
          </a:lstStyle>
          <a:p>
            <a:pPr algn="ctr" eaLnBrk="1" hangingPunct="1"/>
            <a:r>
              <a:rPr lang="da-DK" altLang="da-DK" sz="1600">
                <a:solidFill>
                  <a:srgbClr val="000000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Erhvervsret til markedsføring og salg</a:t>
            </a:r>
          </a:p>
          <a:p>
            <a:pPr algn="ctr" eaLnBrk="1" hangingPunct="1"/>
            <a:r>
              <a:rPr lang="da-DK" altLang="en-US" sz="1600">
                <a:solidFill>
                  <a:srgbClr val="000000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© Louise Kragh Ottesen</a:t>
            </a:r>
            <a:endParaRPr lang="da-DK" altLang="da-DK" sz="1600">
              <a:solidFill>
                <a:srgbClr val="000000"/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pic>
        <p:nvPicPr>
          <p:cNvPr id="90118" name="Billede 4">
            <a:extLst>
              <a:ext uri="{FF2B5EF4-FFF2-40B4-BE49-F238E27FC236}">
                <a16:creationId xmlns:a16="http://schemas.microsoft.com/office/drawing/2014/main" id="{E6F6BA29-2AFC-3B8F-E74B-428EF4F0F64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1217613"/>
            <a:ext cx="6858000" cy="97567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custDataLst>
      <p:tags r:id="rId1"/>
    </p:custDataLst>
  </p:cSld>
  <p:clrMapOvr>
    <a:masterClrMapping/>
  </p:clrMapOvr>
  <p:transition spd="slow"/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D8F9358-C01F-FE8F-2AB2-59F56E5454F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ACBDB984-7F35-43AE-9AC3-AC08D4B6F2BC}" type="slidenum">
              <a:rPr lang="da-DK"/>
              <a:pPr>
                <a:defRPr/>
              </a:pPr>
              <a:t>15</a:t>
            </a:fld>
            <a:endParaRPr lang="da-DK" dirty="0"/>
          </a:p>
        </p:txBody>
      </p:sp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44C09D00-0776-3BC7-48E5-BCDB950CD0AB}"/>
              </a:ext>
            </a:extLst>
          </p:cNvPr>
          <p:cNvSpPr>
            <a:spLocks noGrp="1"/>
          </p:cNvSpPr>
          <p:nvPr>
            <p:ph type="dt" sz="quarter" idx="10"/>
          </p:nvPr>
        </p:nvSpPr>
        <p:spPr/>
        <p:txBody>
          <a:bodyPr/>
          <a:lstStyle/>
          <a:p>
            <a:pPr>
              <a:defRPr/>
            </a:pPr>
            <a:fld id="{F5D256A5-6A5C-4283-943F-D274EC5F677C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pic>
        <p:nvPicPr>
          <p:cNvPr id="91140" name="Billede 5">
            <a:extLst>
              <a:ext uri="{FF2B5EF4-FFF2-40B4-BE49-F238E27FC236}">
                <a16:creationId xmlns:a16="http://schemas.microsoft.com/office/drawing/2014/main" id="{A966A24C-9605-CCD2-BDD9-B0B5C087DA4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6858000" cy="447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91141" name="Tekstfelt 2">
            <a:extLst>
              <a:ext uri="{FF2B5EF4-FFF2-40B4-BE49-F238E27FC236}">
                <a16:creationId xmlns:a16="http://schemas.microsoft.com/office/drawing/2014/main" id="{7C04B6EE-7AF8-2BB4-E8EF-AA6885572B9E}"/>
              </a:ext>
            </a:extLst>
          </p:cNvPr>
          <p:cNvSpPr txBox="1">
            <a:spLocks noChangeArrowheads="1"/>
          </p:cNvSpPr>
          <p:nvPr/>
        </p:nvSpPr>
        <p:spPr bwMode="auto">
          <a:xfrm flipH="1">
            <a:off x="1804988" y="11293475"/>
            <a:ext cx="3248025" cy="4921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>
            <a:spAutoFit/>
          </a:bodyPr>
          <a:lstStyle>
            <a:lvl1pPr defTabSz="514350">
              <a:defRPr>
                <a:solidFill>
                  <a:schemeClr val="tx1"/>
                </a:solidFill>
                <a:latin typeface="Djoef Offc" charset="0"/>
              </a:defRPr>
            </a:lvl1pPr>
            <a:lvl2pPr marL="742950" indent="-285750" defTabSz="514350">
              <a:defRPr>
                <a:solidFill>
                  <a:schemeClr val="tx1"/>
                </a:solidFill>
                <a:latin typeface="Djoef Offc" charset="0"/>
              </a:defRPr>
            </a:lvl2pPr>
            <a:lvl3pPr marL="1143000" indent="-228600" defTabSz="514350">
              <a:defRPr>
                <a:solidFill>
                  <a:schemeClr val="tx1"/>
                </a:solidFill>
                <a:latin typeface="Djoef Offc" charset="0"/>
              </a:defRPr>
            </a:lvl3pPr>
            <a:lvl4pPr marL="1600200" indent="-228600" defTabSz="514350">
              <a:defRPr>
                <a:solidFill>
                  <a:schemeClr val="tx1"/>
                </a:solidFill>
                <a:latin typeface="Djoef Offc" charset="0"/>
              </a:defRPr>
            </a:lvl4pPr>
            <a:lvl5pPr marL="2057400" indent="-228600" defTabSz="514350">
              <a:defRPr>
                <a:solidFill>
                  <a:schemeClr val="tx1"/>
                </a:solidFill>
                <a:latin typeface="Djoef Offc" charset="0"/>
              </a:defRPr>
            </a:lvl5pPr>
            <a:lvl6pPr marL="25146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6pPr>
            <a:lvl7pPr marL="29718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7pPr>
            <a:lvl8pPr marL="34290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8pPr>
            <a:lvl9pPr marL="38862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9pPr>
          </a:lstStyle>
          <a:p>
            <a:pPr algn="ctr" eaLnBrk="1" hangingPunct="1"/>
            <a:r>
              <a:rPr lang="da-DK" altLang="da-DK" sz="1600">
                <a:solidFill>
                  <a:srgbClr val="000000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Erhvervsret til markedsføring og salg</a:t>
            </a:r>
          </a:p>
          <a:p>
            <a:pPr algn="ctr" eaLnBrk="1" hangingPunct="1"/>
            <a:r>
              <a:rPr lang="da-DK" altLang="en-US" sz="1600">
                <a:solidFill>
                  <a:srgbClr val="000000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© Louise Kragh Ottesen</a:t>
            </a:r>
            <a:endParaRPr lang="da-DK" altLang="da-DK" sz="1600">
              <a:solidFill>
                <a:srgbClr val="000000"/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pic>
        <p:nvPicPr>
          <p:cNvPr id="91142" name="Billede 4">
            <a:extLst>
              <a:ext uri="{FF2B5EF4-FFF2-40B4-BE49-F238E27FC236}">
                <a16:creationId xmlns:a16="http://schemas.microsoft.com/office/drawing/2014/main" id="{F0CBCF6D-0BF9-C0AE-9236-D086A9A0EDB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685800"/>
            <a:ext cx="6858000" cy="10607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custDataLst>
      <p:tags r:id="rId1"/>
    </p:custDataLst>
  </p:cSld>
  <p:clrMapOvr>
    <a:masterClrMapping/>
  </p:clrMapOvr>
  <p:transition spd="slow"/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F8CF45F-2032-ADA3-EFF8-62AE6173A25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0B378A3A-369A-4E0B-B01E-3FEC67FC9BC8}" type="slidenum">
              <a:rPr lang="da-DK"/>
              <a:pPr>
                <a:defRPr/>
              </a:pPr>
              <a:t>16</a:t>
            </a:fld>
            <a:endParaRPr lang="da-DK" dirty="0"/>
          </a:p>
        </p:txBody>
      </p:sp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9C4CAE59-A02F-A8C3-EE87-776FCF3CD7ED}"/>
              </a:ext>
            </a:extLst>
          </p:cNvPr>
          <p:cNvSpPr>
            <a:spLocks noGrp="1"/>
          </p:cNvSpPr>
          <p:nvPr>
            <p:ph type="dt" sz="quarter" idx="10"/>
          </p:nvPr>
        </p:nvSpPr>
        <p:spPr/>
        <p:txBody>
          <a:bodyPr/>
          <a:lstStyle/>
          <a:p>
            <a:pPr>
              <a:defRPr/>
            </a:pPr>
            <a:fld id="{F5D256A5-6A5C-4283-943F-D274EC5F677C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pic>
        <p:nvPicPr>
          <p:cNvPr id="92164" name="Billede 5">
            <a:extLst>
              <a:ext uri="{FF2B5EF4-FFF2-40B4-BE49-F238E27FC236}">
                <a16:creationId xmlns:a16="http://schemas.microsoft.com/office/drawing/2014/main" id="{98E9B8EE-3985-BD17-2020-49A623FE8BC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6858000" cy="447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92165" name="Tekstfelt 2">
            <a:extLst>
              <a:ext uri="{FF2B5EF4-FFF2-40B4-BE49-F238E27FC236}">
                <a16:creationId xmlns:a16="http://schemas.microsoft.com/office/drawing/2014/main" id="{55FDDED9-9345-436A-316E-2CA3D2CF6B18}"/>
              </a:ext>
            </a:extLst>
          </p:cNvPr>
          <p:cNvSpPr txBox="1">
            <a:spLocks noChangeArrowheads="1"/>
          </p:cNvSpPr>
          <p:nvPr/>
        </p:nvSpPr>
        <p:spPr bwMode="auto">
          <a:xfrm flipH="1">
            <a:off x="1804988" y="11293475"/>
            <a:ext cx="3248025" cy="4921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>
            <a:spAutoFit/>
          </a:bodyPr>
          <a:lstStyle>
            <a:lvl1pPr defTabSz="514350">
              <a:defRPr>
                <a:solidFill>
                  <a:schemeClr val="tx1"/>
                </a:solidFill>
                <a:latin typeface="Djoef Offc" charset="0"/>
              </a:defRPr>
            </a:lvl1pPr>
            <a:lvl2pPr marL="742950" indent="-285750" defTabSz="514350">
              <a:defRPr>
                <a:solidFill>
                  <a:schemeClr val="tx1"/>
                </a:solidFill>
                <a:latin typeface="Djoef Offc" charset="0"/>
              </a:defRPr>
            </a:lvl2pPr>
            <a:lvl3pPr marL="1143000" indent="-228600" defTabSz="514350">
              <a:defRPr>
                <a:solidFill>
                  <a:schemeClr val="tx1"/>
                </a:solidFill>
                <a:latin typeface="Djoef Offc" charset="0"/>
              </a:defRPr>
            </a:lvl3pPr>
            <a:lvl4pPr marL="1600200" indent="-228600" defTabSz="514350">
              <a:defRPr>
                <a:solidFill>
                  <a:schemeClr val="tx1"/>
                </a:solidFill>
                <a:latin typeface="Djoef Offc" charset="0"/>
              </a:defRPr>
            </a:lvl4pPr>
            <a:lvl5pPr marL="2057400" indent="-228600" defTabSz="514350">
              <a:defRPr>
                <a:solidFill>
                  <a:schemeClr val="tx1"/>
                </a:solidFill>
                <a:latin typeface="Djoef Offc" charset="0"/>
              </a:defRPr>
            </a:lvl5pPr>
            <a:lvl6pPr marL="25146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6pPr>
            <a:lvl7pPr marL="29718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7pPr>
            <a:lvl8pPr marL="34290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8pPr>
            <a:lvl9pPr marL="38862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9pPr>
          </a:lstStyle>
          <a:p>
            <a:pPr algn="ctr" eaLnBrk="1" hangingPunct="1"/>
            <a:r>
              <a:rPr lang="da-DK" altLang="da-DK" sz="1600">
                <a:solidFill>
                  <a:srgbClr val="000000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Erhvervsret til markedsføring og salg</a:t>
            </a:r>
          </a:p>
          <a:p>
            <a:pPr algn="ctr" eaLnBrk="1" hangingPunct="1"/>
            <a:r>
              <a:rPr lang="da-DK" altLang="en-US" sz="1600">
                <a:solidFill>
                  <a:srgbClr val="000000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© Louise Kragh Ottesen</a:t>
            </a:r>
            <a:endParaRPr lang="da-DK" altLang="da-DK" sz="1600">
              <a:solidFill>
                <a:srgbClr val="000000"/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pic>
        <p:nvPicPr>
          <p:cNvPr id="92166" name="Billede 4">
            <a:extLst>
              <a:ext uri="{FF2B5EF4-FFF2-40B4-BE49-F238E27FC236}">
                <a16:creationId xmlns:a16="http://schemas.microsoft.com/office/drawing/2014/main" id="{AD403283-5C4A-00D9-745F-300059C5981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2446338"/>
            <a:ext cx="6858000" cy="72993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custDataLst>
      <p:tags r:id="rId1"/>
    </p:custDataLst>
  </p:cSld>
  <p:clrMapOvr>
    <a:masterClrMapping/>
  </p:clrMapOvr>
  <p:transition spd="slow"/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0FD4BF69-23DD-E432-A3EB-7D9DB51043C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4B7A5F41-675C-4C6C-AE3D-DFF8F3308A64}" type="slidenum">
              <a:rPr lang="da-DK"/>
              <a:pPr>
                <a:defRPr/>
              </a:pPr>
              <a:t>17</a:t>
            </a:fld>
            <a:endParaRPr lang="da-DK" dirty="0"/>
          </a:p>
        </p:txBody>
      </p:sp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67FCED04-418C-470A-EFDA-7B5AB76A0277}"/>
              </a:ext>
            </a:extLst>
          </p:cNvPr>
          <p:cNvSpPr>
            <a:spLocks noGrp="1"/>
          </p:cNvSpPr>
          <p:nvPr>
            <p:ph type="dt" sz="quarter" idx="10"/>
          </p:nvPr>
        </p:nvSpPr>
        <p:spPr/>
        <p:txBody>
          <a:bodyPr/>
          <a:lstStyle/>
          <a:p>
            <a:pPr>
              <a:defRPr/>
            </a:pPr>
            <a:fld id="{F5D256A5-6A5C-4283-943F-D274EC5F677C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pic>
        <p:nvPicPr>
          <p:cNvPr id="93188" name="Billede 5">
            <a:extLst>
              <a:ext uri="{FF2B5EF4-FFF2-40B4-BE49-F238E27FC236}">
                <a16:creationId xmlns:a16="http://schemas.microsoft.com/office/drawing/2014/main" id="{9CBE829B-269D-F80F-2D3A-C2C7B4A6A35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6858000" cy="447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93189" name="Tekstfelt 2">
            <a:extLst>
              <a:ext uri="{FF2B5EF4-FFF2-40B4-BE49-F238E27FC236}">
                <a16:creationId xmlns:a16="http://schemas.microsoft.com/office/drawing/2014/main" id="{5F731DCD-09EC-E818-66E3-6AD36BC0385B}"/>
              </a:ext>
            </a:extLst>
          </p:cNvPr>
          <p:cNvSpPr txBox="1">
            <a:spLocks noChangeArrowheads="1"/>
          </p:cNvSpPr>
          <p:nvPr/>
        </p:nvSpPr>
        <p:spPr bwMode="auto">
          <a:xfrm flipH="1">
            <a:off x="1804988" y="11293475"/>
            <a:ext cx="3248025" cy="4921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>
            <a:spAutoFit/>
          </a:bodyPr>
          <a:lstStyle>
            <a:lvl1pPr defTabSz="514350">
              <a:defRPr>
                <a:solidFill>
                  <a:schemeClr val="tx1"/>
                </a:solidFill>
                <a:latin typeface="Djoef Offc" charset="0"/>
              </a:defRPr>
            </a:lvl1pPr>
            <a:lvl2pPr marL="742950" indent="-285750" defTabSz="514350">
              <a:defRPr>
                <a:solidFill>
                  <a:schemeClr val="tx1"/>
                </a:solidFill>
                <a:latin typeface="Djoef Offc" charset="0"/>
              </a:defRPr>
            </a:lvl2pPr>
            <a:lvl3pPr marL="1143000" indent="-228600" defTabSz="514350">
              <a:defRPr>
                <a:solidFill>
                  <a:schemeClr val="tx1"/>
                </a:solidFill>
                <a:latin typeface="Djoef Offc" charset="0"/>
              </a:defRPr>
            </a:lvl3pPr>
            <a:lvl4pPr marL="1600200" indent="-228600" defTabSz="514350">
              <a:defRPr>
                <a:solidFill>
                  <a:schemeClr val="tx1"/>
                </a:solidFill>
                <a:latin typeface="Djoef Offc" charset="0"/>
              </a:defRPr>
            </a:lvl4pPr>
            <a:lvl5pPr marL="2057400" indent="-228600" defTabSz="514350">
              <a:defRPr>
                <a:solidFill>
                  <a:schemeClr val="tx1"/>
                </a:solidFill>
                <a:latin typeface="Djoef Offc" charset="0"/>
              </a:defRPr>
            </a:lvl5pPr>
            <a:lvl6pPr marL="25146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6pPr>
            <a:lvl7pPr marL="29718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7pPr>
            <a:lvl8pPr marL="34290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8pPr>
            <a:lvl9pPr marL="38862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9pPr>
          </a:lstStyle>
          <a:p>
            <a:pPr algn="ctr" eaLnBrk="1" hangingPunct="1"/>
            <a:r>
              <a:rPr lang="da-DK" altLang="da-DK" sz="1600">
                <a:solidFill>
                  <a:srgbClr val="000000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Erhvervsret til markedsføring og salg</a:t>
            </a:r>
          </a:p>
          <a:p>
            <a:pPr algn="ctr" eaLnBrk="1" hangingPunct="1"/>
            <a:r>
              <a:rPr lang="da-DK" altLang="en-US" sz="1600">
                <a:solidFill>
                  <a:srgbClr val="000000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© Louise Kragh Ottesen</a:t>
            </a:r>
            <a:endParaRPr lang="da-DK" altLang="da-DK" sz="1600">
              <a:solidFill>
                <a:srgbClr val="000000"/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pic>
        <p:nvPicPr>
          <p:cNvPr id="93190" name="Billede 4">
            <a:extLst>
              <a:ext uri="{FF2B5EF4-FFF2-40B4-BE49-F238E27FC236}">
                <a16:creationId xmlns:a16="http://schemas.microsoft.com/office/drawing/2014/main" id="{CF4B06F6-05B7-43B6-F4B0-6D2C853B12E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642938"/>
            <a:ext cx="6858000" cy="104536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custDataLst>
      <p:tags r:id="rId1"/>
    </p:custDataLst>
  </p:cSld>
  <p:clrMapOvr>
    <a:masterClrMapping/>
  </p:clrMapOvr>
  <p:transition spd="slow"/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A8A6880-00BD-D9CF-78B2-7A6EE2FE0A6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35B30C82-D188-4B39-B9B2-E2C2D8989C3D}" type="slidenum">
              <a:rPr lang="da-DK"/>
              <a:pPr>
                <a:defRPr/>
              </a:pPr>
              <a:t>18</a:t>
            </a:fld>
            <a:endParaRPr lang="da-DK" dirty="0"/>
          </a:p>
        </p:txBody>
      </p:sp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EC5001AD-86F8-A4A5-0D28-1407C5506F7D}"/>
              </a:ext>
            </a:extLst>
          </p:cNvPr>
          <p:cNvSpPr>
            <a:spLocks noGrp="1"/>
          </p:cNvSpPr>
          <p:nvPr>
            <p:ph type="dt" sz="quarter" idx="10"/>
          </p:nvPr>
        </p:nvSpPr>
        <p:spPr/>
        <p:txBody>
          <a:bodyPr/>
          <a:lstStyle/>
          <a:p>
            <a:pPr>
              <a:defRPr/>
            </a:pPr>
            <a:fld id="{F5D256A5-6A5C-4283-943F-D274EC5F677C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pic>
        <p:nvPicPr>
          <p:cNvPr id="94212" name="Billede 5">
            <a:extLst>
              <a:ext uri="{FF2B5EF4-FFF2-40B4-BE49-F238E27FC236}">
                <a16:creationId xmlns:a16="http://schemas.microsoft.com/office/drawing/2014/main" id="{FE101DB9-2EAB-4104-791A-5A02C7EFEBB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6858000" cy="447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94213" name="Tekstfelt 2">
            <a:extLst>
              <a:ext uri="{FF2B5EF4-FFF2-40B4-BE49-F238E27FC236}">
                <a16:creationId xmlns:a16="http://schemas.microsoft.com/office/drawing/2014/main" id="{00A5C44E-75D0-2451-4FA9-88203268E97B}"/>
              </a:ext>
            </a:extLst>
          </p:cNvPr>
          <p:cNvSpPr txBox="1">
            <a:spLocks noChangeArrowheads="1"/>
          </p:cNvSpPr>
          <p:nvPr/>
        </p:nvSpPr>
        <p:spPr bwMode="auto">
          <a:xfrm flipH="1">
            <a:off x="1804988" y="11293475"/>
            <a:ext cx="3248025" cy="4921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>
            <a:spAutoFit/>
          </a:bodyPr>
          <a:lstStyle>
            <a:lvl1pPr defTabSz="514350">
              <a:defRPr>
                <a:solidFill>
                  <a:schemeClr val="tx1"/>
                </a:solidFill>
                <a:latin typeface="Djoef Offc" charset="0"/>
              </a:defRPr>
            </a:lvl1pPr>
            <a:lvl2pPr marL="742950" indent="-285750" defTabSz="514350">
              <a:defRPr>
                <a:solidFill>
                  <a:schemeClr val="tx1"/>
                </a:solidFill>
                <a:latin typeface="Djoef Offc" charset="0"/>
              </a:defRPr>
            </a:lvl2pPr>
            <a:lvl3pPr marL="1143000" indent="-228600" defTabSz="514350">
              <a:defRPr>
                <a:solidFill>
                  <a:schemeClr val="tx1"/>
                </a:solidFill>
                <a:latin typeface="Djoef Offc" charset="0"/>
              </a:defRPr>
            </a:lvl3pPr>
            <a:lvl4pPr marL="1600200" indent="-228600" defTabSz="514350">
              <a:defRPr>
                <a:solidFill>
                  <a:schemeClr val="tx1"/>
                </a:solidFill>
                <a:latin typeface="Djoef Offc" charset="0"/>
              </a:defRPr>
            </a:lvl4pPr>
            <a:lvl5pPr marL="2057400" indent="-228600" defTabSz="514350">
              <a:defRPr>
                <a:solidFill>
                  <a:schemeClr val="tx1"/>
                </a:solidFill>
                <a:latin typeface="Djoef Offc" charset="0"/>
              </a:defRPr>
            </a:lvl5pPr>
            <a:lvl6pPr marL="25146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6pPr>
            <a:lvl7pPr marL="29718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7pPr>
            <a:lvl8pPr marL="34290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8pPr>
            <a:lvl9pPr marL="38862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9pPr>
          </a:lstStyle>
          <a:p>
            <a:pPr algn="ctr" eaLnBrk="1" hangingPunct="1"/>
            <a:r>
              <a:rPr lang="da-DK" altLang="da-DK" sz="1600">
                <a:solidFill>
                  <a:srgbClr val="000000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Erhvervsret til markedsføring og salg</a:t>
            </a:r>
          </a:p>
          <a:p>
            <a:pPr algn="ctr" eaLnBrk="1" hangingPunct="1"/>
            <a:r>
              <a:rPr lang="da-DK" altLang="en-US" sz="1600">
                <a:solidFill>
                  <a:srgbClr val="000000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© Louise Kragh Ottesen</a:t>
            </a:r>
            <a:endParaRPr lang="da-DK" altLang="da-DK" sz="1600">
              <a:solidFill>
                <a:srgbClr val="000000"/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pic>
        <p:nvPicPr>
          <p:cNvPr id="94214" name="Billede 4">
            <a:extLst>
              <a:ext uri="{FF2B5EF4-FFF2-40B4-BE49-F238E27FC236}">
                <a16:creationId xmlns:a16="http://schemas.microsoft.com/office/drawing/2014/main" id="{B9894E1F-EE10-07D8-9E9E-6A19FD1C36A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942975"/>
            <a:ext cx="6858000" cy="103060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custDataLst>
      <p:tags r:id="rId1"/>
    </p:custDataLst>
  </p:cSld>
  <p:clrMapOvr>
    <a:masterClrMapping/>
  </p:clrMapOvr>
  <p:transition spd="slow"/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17F7D80-173B-F7E8-CDA5-A93EBDC3CCD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662B0617-29A8-4868-B496-C145F0DEA5C6}" type="slidenum">
              <a:rPr lang="da-DK"/>
              <a:pPr>
                <a:defRPr/>
              </a:pPr>
              <a:t>19</a:t>
            </a:fld>
            <a:endParaRPr lang="da-DK" dirty="0"/>
          </a:p>
        </p:txBody>
      </p:sp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E7C23B7E-7EAB-980B-3952-FDDD8A6176E7}"/>
              </a:ext>
            </a:extLst>
          </p:cNvPr>
          <p:cNvSpPr>
            <a:spLocks noGrp="1"/>
          </p:cNvSpPr>
          <p:nvPr>
            <p:ph type="dt" sz="quarter" idx="10"/>
          </p:nvPr>
        </p:nvSpPr>
        <p:spPr/>
        <p:txBody>
          <a:bodyPr/>
          <a:lstStyle/>
          <a:p>
            <a:pPr>
              <a:defRPr/>
            </a:pPr>
            <a:fld id="{F5D256A5-6A5C-4283-943F-D274EC5F677C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pic>
        <p:nvPicPr>
          <p:cNvPr id="95236" name="Billede 5">
            <a:extLst>
              <a:ext uri="{FF2B5EF4-FFF2-40B4-BE49-F238E27FC236}">
                <a16:creationId xmlns:a16="http://schemas.microsoft.com/office/drawing/2014/main" id="{1EF48C3E-53B1-640F-28BA-F31B3BE9F79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6858000" cy="447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95237" name="Tekstfelt 2">
            <a:extLst>
              <a:ext uri="{FF2B5EF4-FFF2-40B4-BE49-F238E27FC236}">
                <a16:creationId xmlns:a16="http://schemas.microsoft.com/office/drawing/2014/main" id="{150A96CA-7CC4-006A-429C-48361F026528}"/>
              </a:ext>
            </a:extLst>
          </p:cNvPr>
          <p:cNvSpPr txBox="1">
            <a:spLocks noChangeArrowheads="1"/>
          </p:cNvSpPr>
          <p:nvPr/>
        </p:nvSpPr>
        <p:spPr bwMode="auto">
          <a:xfrm flipH="1">
            <a:off x="1804988" y="11293475"/>
            <a:ext cx="3248025" cy="4921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>
            <a:spAutoFit/>
          </a:bodyPr>
          <a:lstStyle>
            <a:lvl1pPr defTabSz="514350">
              <a:defRPr>
                <a:solidFill>
                  <a:schemeClr val="tx1"/>
                </a:solidFill>
                <a:latin typeface="Djoef Offc" charset="0"/>
              </a:defRPr>
            </a:lvl1pPr>
            <a:lvl2pPr marL="742950" indent="-285750" defTabSz="514350">
              <a:defRPr>
                <a:solidFill>
                  <a:schemeClr val="tx1"/>
                </a:solidFill>
                <a:latin typeface="Djoef Offc" charset="0"/>
              </a:defRPr>
            </a:lvl2pPr>
            <a:lvl3pPr marL="1143000" indent="-228600" defTabSz="514350">
              <a:defRPr>
                <a:solidFill>
                  <a:schemeClr val="tx1"/>
                </a:solidFill>
                <a:latin typeface="Djoef Offc" charset="0"/>
              </a:defRPr>
            </a:lvl3pPr>
            <a:lvl4pPr marL="1600200" indent="-228600" defTabSz="514350">
              <a:defRPr>
                <a:solidFill>
                  <a:schemeClr val="tx1"/>
                </a:solidFill>
                <a:latin typeface="Djoef Offc" charset="0"/>
              </a:defRPr>
            </a:lvl4pPr>
            <a:lvl5pPr marL="2057400" indent="-228600" defTabSz="514350">
              <a:defRPr>
                <a:solidFill>
                  <a:schemeClr val="tx1"/>
                </a:solidFill>
                <a:latin typeface="Djoef Offc" charset="0"/>
              </a:defRPr>
            </a:lvl5pPr>
            <a:lvl6pPr marL="25146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6pPr>
            <a:lvl7pPr marL="29718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7pPr>
            <a:lvl8pPr marL="34290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8pPr>
            <a:lvl9pPr marL="38862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9pPr>
          </a:lstStyle>
          <a:p>
            <a:pPr algn="ctr" eaLnBrk="1" hangingPunct="1"/>
            <a:r>
              <a:rPr lang="da-DK" altLang="da-DK" sz="1600">
                <a:solidFill>
                  <a:srgbClr val="000000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Erhvervsret til markedsføring og salg</a:t>
            </a:r>
          </a:p>
          <a:p>
            <a:pPr algn="ctr" eaLnBrk="1" hangingPunct="1"/>
            <a:r>
              <a:rPr lang="da-DK" altLang="en-US" sz="1600">
                <a:solidFill>
                  <a:srgbClr val="000000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© Louise Kragh Ottesen</a:t>
            </a:r>
            <a:endParaRPr lang="da-DK" altLang="da-DK" sz="1600">
              <a:solidFill>
                <a:srgbClr val="000000"/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pic>
        <p:nvPicPr>
          <p:cNvPr id="95238" name="Billede 4">
            <a:extLst>
              <a:ext uri="{FF2B5EF4-FFF2-40B4-BE49-F238E27FC236}">
                <a16:creationId xmlns:a16="http://schemas.microsoft.com/office/drawing/2014/main" id="{8C990798-A275-4DD5-4383-34CA477EB2D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1209675"/>
            <a:ext cx="6858000" cy="97726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custDataLst>
      <p:tags r:id="rId1"/>
    </p:custDataLst>
  </p:cSld>
  <p:clrMapOvr>
    <a:masterClrMapping/>
  </p:clrMapOvr>
  <p:transition spd="slow"/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83EE799-6F7E-3AFF-9EA5-6285C85D190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31241FA1-6029-497F-BCE3-A2184E5B0EF8}" type="slidenum">
              <a:rPr lang="da-DK"/>
              <a:pPr>
                <a:defRPr/>
              </a:pPr>
              <a:t>2</a:t>
            </a:fld>
            <a:endParaRPr lang="da-DK" dirty="0"/>
          </a:p>
        </p:txBody>
      </p:sp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54F71EE1-09EC-01DC-0C8C-F612ED6474D2}"/>
              </a:ext>
            </a:extLst>
          </p:cNvPr>
          <p:cNvSpPr>
            <a:spLocks noGrp="1"/>
          </p:cNvSpPr>
          <p:nvPr>
            <p:ph type="dt" sz="quarter" idx="10"/>
          </p:nvPr>
        </p:nvSpPr>
        <p:spPr/>
        <p:txBody>
          <a:bodyPr/>
          <a:lstStyle/>
          <a:p>
            <a:pPr>
              <a:defRPr/>
            </a:pPr>
            <a:fld id="{F5D256A5-6A5C-4283-943F-D274EC5F677C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pic>
        <p:nvPicPr>
          <p:cNvPr id="77828" name="Billede 5">
            <a:extLst>
              <a:ext uri="{FF2B5EF4-FFF2-40B4-BE49-F238E27FC236}">
                <a16:creationId xmlns:a16="http://schemas.microsoft.com/office/drawing/2014/main" id="{5023946A-BEED-1F9C-F059-CC2474E3308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6858000" cy="447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77829" name="Tekstfelt 2">
            <a:extLst>
              <a:ext uri="{FF2B5EF4-FFF2-40B4-BE49-F238E27FC236}">
                <a16:creationId xmlns:a16="http://schemas.microsoft.com/office/drawing/2014/main" id="{09C933E0-F01F-C2DF-4CE8-A772B1C0FD9A}"/>
              </a:ext>
            </a:extLst>
          </p:cNvPr>
          <p:cNvSpPr txBox="1">
            <a:spLocks noChangeArrowheads="1"/>
          </p:cNvSpPr>
          <p:nvPr/>
        </p:nvSpPr>
        <p:spPr bwMode="auto">
          <a:xfrm flipH="1">
            <a:off x="1804988" y="11382375"/>
            <a:ext cx="3248025" cy="4921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>
            <a:spAutoFit/>
          </a:bodyPr>
          <a:lstStyle>
            <a:lvl1pPr defTabSz="514350">
              <a:defRPr>
                <a:solidFill>
                  <a:schemeClr val="tx1"/>
                </a:solidFill>
                <a:latin typeface="Djoef Offc" charset="0"/>
              </a:defRPr>
            </a:lvl1pPr>
            <a:lvl2pPr marL="742950" indent="-285750" defTabSz="514350">
              <a:defRPr>
                <a:solidFill>
                  <a:schemeClr val="tx1"/>
                </a:solidFill>
                <a:latin typeface="Djoef Offc" charset="0"/>
              </a:defRPr>
            </a:lvl2pPr>
            <a:lvl3pPr marL="1143000" indent="-228600" defTabSz="514350">
              <a:defRPr>
                <a:solidFill>
                  <a:schemeClr val="tx1"/>
                </a:solidFill>
                <a:latin typeface="Djoef Offc" charset="0"/>
              </a:defRPr>
            </a:lvl3pPr>
            <a:lvl4pPr marL="1600200" indent="-228600" defTabSz="514350">
              <a:defRPr>
                <a:solidFill>
                  <a:schemeClr val="tx1"/>
                </a:solidFill>
                <a:latin typeface="Djoef Offc" charset="0"/>
              </a:defRPr>
            </a:lvl4pPr>
            <a:lvl5pPr marL="2057400" indent="-228600" defTabSz="514350">
              <a:defRPr>
                <a:solidFill>
                  <a:schemeClr val="tx1"/>
                </a:solidFill>
                <a:latin typeface="Djoef Offc" charset="0"/>
              </a:defRPr>
            </a:lvl5pPr>
            <a:lvl6pPr marL="25146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6pPr>
            <a:lvl7pPr marL="29718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7pPr>
            <a:lvl8pPr marL="34290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8pPr>
            <a:lvl9pPr marL="38862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9pPr>
          </a:lstStyle>
          <a:p>
            <a:pPr algn="ctr" eaLnBrk="1" hangingPunct="1"/>
            <a:r>
              <a:rPr lang="da-DK" altLang="da-DK" sz="1600">
                <a:solidFill>
                  <a:srgbClr val="000000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Erhvervsret til markedsføring og salg</a:t>
            </a:r>
          </a:p>
          <a:p>
            <a:pPr algn="ctr" eaLnBrk="1" hangingPunct="1"/>
            <a:r>
              <a:rPr lang="da-DK" altLang="en-US" sz="1600">
                <a:solidFill>
                  <a:srgbClr val="000000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© Louise Kragh Ottesen</a:t>
            </a:r>
            <a:endParaRPr lang="da-DK" altLang="da-DK" sz="1600">
              <a:solidFill>
                <a:srgbClr val="000000"/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pic>
        <p:nvPicPr>
          <p:cNvPr id="77830" name="Billede 6">
            <a:extLst>
              <a:ext uri="{FF2B5EF4-FFF2-40B4-BE49-F238E27FC236}">
                <a16:creationId xmlns:a16="http://schemas.microsoft.com/office/drawing/2014/main" id="{38433567-F36E-9877-065F-D551CF40082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858838"/>
            <a:ext cx="6858000" cy="104743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custDataLst>
      <p:tags r:id="rId1"/>
    </p:custDataLst>
  </p:cSld>
  <p:clrMapOvr>
    <a:masterClrMapping/>
  </p:clrMapOvr>
  <p:transition spd="slow"/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035F583-199A-3CF9-3A9C-B29B60931CD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7F3FA83E-B3BF-4098-8880-35097E92BF77}" type="slidenum">
              <a:rPr lang="da-DK"/>
              <a:pPr>
                <a:defRPr/>
              </a:pPr>
              <a:t>20</a:t>
            </a:fld>
            <a:endParaRPr lang="da-DK" dirty="0"/>
          </a:p>
        </p:txBody>
      </p:sp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421714DE-381D-13AC-28EF-0C5002A8B982}"/>
              </a:ext>
            </a:extLst>
          </p:cNvPr>
          <p:cNvSpPr>
            <a:spLocks noGrp="1"/>
          </p:cNvSpPr>
          <p:nvPr>
            <p:ph type="dt" sz="quarter" idx="10"/>
          </p:nvPr>
        </p:nvSpPr>
        <p:spPr/>
        <p:txBody>
          <a:bodyPr/>
          <a:lstStyle/>
          <a:p>
            <a:pPr>
              <a:defRPr/>
            </a:pPr>
            <a:fld id="{F5D256A5-6A5C-4283-943F-D274EC5F677C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pic>
        <p:nvPicPr>
          <p:cNvPr id="96260" name="Billede 5">
            <a:extLst>
              <a:ext uri="{FF2B5EF4-FFF2-40B4-BE49-F238E27FC236}">
                <a16:creationId xmlns:a16="http://schemas.microsoft.com/office/drawing/2014/main" id="{97C003C3-0BEF-EE76-2ED5-DE5CA072C75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6858000" cy="447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96261" name="Tekstfelt 2">
            <a:extLst>
              <a:ext uri="{FF2B5EF4-FFF2-40B4-BE49-F238E27FC236}">
                <a16:creationId xmlns:a16="http://schemas.microsoft.com/office/drawing/2014/main" id="{C3ED90E4-6860-77D2-12C0-63E6B553D1D4}"/>
              </a:ext>
            </a:extLst>
          </p:cNvPr>
          <p:cNvSpPr txBox="1">
            <a:spLocks noChangeArrowheads="1"/>
          </p:cNvSpPr>
          <p:nvPr/>
        </p:nvSpPr>
        <p:spPr bwMode="auto">
          <a:xfrm flipH="1">
            <a:off x="1804988" y="11293475"/>
            <a:ext cx="3248025" cy="4921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>
            <a:spAutoFit/>
          </a:bodyPr>
          <a:lstStyle>
            <a:lvl1pPr defTabSz="514350">
              <a:defRPr>
                <a:solidFill>
                  <a:schemeClr val="tx1"/>
                </a:solidFill>
                <a:latin typeface="Djoef Offc" charset="0"/>
              </a:defRPr>
            </a:lvl1pPr>
            <a:lvl2pPr marL="742950" indent="-285750" defTabSz="514350">
              <a:defRPr>
                <a:solidFill>
                  <a:schemeClr val="tx1"/>
                </a:solidFill>
                <a:latin typeface="Djoef Offc" charset="0"/>
              </a:defRPr>
            </a:lvl2pPr>
            <a:lvl3pPr marL="1143000" indent="-228600" defTabSz="514350">
              <a:defRPr>
                <a:solidFill>
                  <a:schemeClr val="tx1"/>
                </a:solidFill>
                <a:latin typeface="Djoef Offc" charset="0"/>
              </a:defRPr>
            </a:lvl3pPr>
            <a:lvl4pPr marL="1600200" indent="-228600" defTabSz="514350">
              <a:defRPr>
                <a:solidFill>
                  <a:schemeClr val="tx1"/>
                </a:solidFill>
                <a:latin typeface="Djoef Offc" charset="0"/>
              </a:defRPr>
            </a:lvl4pPr>
            <a:lvl5pPr marL="2057400" indent="-228600" defTabSz="514350">
              <a:defRPr>
                <a:solidFill>
                  <a:schemeClr val="tx1"/>
                </a:solidFill>
                <a:latin typeface="Djoef Offc" charset="0"/>
              </a:defRPr>
            </a:lvl5pPr>
            <a:lvl6pPr marL="25146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6pPr>
            <a:lvl7pPr marL="29718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7pPr>
            <a:lvl8pPr marL="34290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8pPr>
            <a:lvl9pPr marL="38862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9pPr>
          </a:lstStyle>
          <a:p>
            <a:pPr algn="ctr" eaLnBrk="1" hangingPunct="1"/>
            <a:r>
              <a:rPr lang="da-DK" altLang="da-DK" sz="1600">
                <a:solidFill>
                  <a:srgbClr val="000000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Erhvervsret til markedsføring og salg</a:t>
            </a:r>
          </a:p>
          <a:p>
            <a:pPr algn="ctr" eaLnBrk="1" hangingPunct="1"/>
            <a:r>
              <a:rPr lang="da-DK" altLang="en-US" sz="1600">
                <a:solidFill>
                  <a:srgbClr val="000000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© Louise Kragh Ottesen</a:t>
            </a:r>
            <a:endParaRPr lang="da-DK" altLang="da-DK" sz="1600">
              <a:solidFill>
                <a:srgbClr val="000000"/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pic>
        <p:nvPicPr>
          <p:cNvPr id="96262" name="Billede 4">
            <a:extLst>
              <a:ext uri="{FF2B5EF4-FFF2-40B4-BE49-F238E27FC236}">
                <a16:creationId xmlns:a16="http://schemas.microsoft.com/office/drawing/2014/main" id="{CED64460-35FC-6B6A-D5D8-29CE8C6D46D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1033463"/>
            <a:ext cx="6858000" cy="101250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custDataLst>
      <p:tags r:id="rId1"/>
    </p:custDataLst>
  </p:cSld>
  <p:clrMapOvr>
    <a:masterClrMapping/>
  </p:clrMapOvr>
  <p:transition spd="slow"/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B78F408-E62C-2FD8-41DC-C16FB285EBA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B700519B-5EA6-45BE-9007-C0AC5B3A149E}" type="slidenum">
              <a:rPr lang="da-DK"/>
              <a:pPr>
                <a:defRPr/>
              </a:pPr>
              <a:t>3</a:t>
            </a:fld>
            <a:endParaRPr lang="da-DK" dirty="0"/>
          </a:p>
        </p:txBody>
      </p:sp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A2900937-DB37-E61C-B142-9B8C702823F0}"/>
              </a:ext>
            </a:extLst>
          </p:cNvPr>
          <p:cNvSpPr>
            <a:spLocks noGrp="1"/>
          </p:cNvSpPr>
          <p:nvPr>
            <p:ph type="dt" sz="quarter" idx="10"/>
          </p:nvPr>
        </p:nvSpPr>
        <p:spPr/>
        <p:txBody>
          <a:bodyPr/>
          <a:lstStyle/>
          <a:p>
            <a:pPr>
              <a:defRPr/>
            </a:pPr>
            <a:fld id="{F5D256A5-6A5C-4283-943F-D274EC5F677C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pic>
        <p:nvPicPr>
          <p:cNvPr id="78852" name="Billede 5">
            <a:extLst>
              <a:ext uri="{FF2B5EF4-FFF2-40B4-BE49-F238E27FC236}">
                <a16:creationId xmlns:a16="http://schemas.microsoft.com/office/drawing/2014/main" id="{C8AF40C8-2316-CE87-2055-5AC236C269B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6858000" cy="447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78853" name="Tekstfelt 2">
            <a:extLst>
              <a:ext uri="{FF2B5EF4-FFF2-40B4-BE49-F238E27FC236}">
                <a16:creationId xmlns:a16="http://schemas.microsoft.com/office/drawing/2014/main" id="{9C844ECB-6C59-DC4F-82AE-AEF161038DBC}"/>
              </a:ext>
            </a:extLst>
          </p:cNvPr>
          <p:cNvSpPr txBox="1">
            <a:spLocks noChangeArrowheads="1"/>
          </p:cNvSpPr>
          <p:nvPr/>
        </p:nvSpPr>
        <p:spPr bwMode="auto">
          <a:xfrm flipH="1">
            <a:off x="1804988" y="11293475"/>
            <a:ext cx="3248025" cy="4921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>
            <a:spAutoFit/>
          </a:bodyPr>
          <a:lstStyle>
            <a:lvl1pPr defTabSz="514350">
              <a:defRPr>
                <a:solidFill>
                  <a:schemeClr val="tx1"/>
                </a:solidFill>
                <a:latin typeface="Djoef Offc" charset="0"/>
              </a:defRPr>
            </a:lvl1pPr>
            <a:lvl2pPr marL="742950" indent="-285750" defTabSz="514350">
              <a:defRPr>
                <a:solidFill>
                  <a:schemeClr val="tx1"/>
                </a:solidFill>
                <a:latin typeface="Djoef Offc" charset="0"/>
              </a:defRPr>
            </a:lvl2pPr>
            <a:lvl3pPr marL="1143000" indent="-228600" defTabSz="514350">
              <a:defRPr>
                <a:solidFill>
                  <a:schemeClr val="tx1"/>
                </a:solidFill>
                <a:latin typeface="Djoef Offc" charset="0"/>
              </a:defRPr>
            </a:lvl3pPr>
            <a:lvl4pPr marL="1600200" indent="-228600" defTabSz="514350">
              <a:defRPr>
                <a:solidFill>
                  <a:schemeClr val="tx1"/>
                </a:solidFill>
                <a:latin typeface="Djoef Offc" charset="0"/>
              </a:defRPr>
            </a:lvl4pPr>
            <a:lvl5pPr marL="2057400" indent="-228600" defTabSz="514350">
              <a:defRPr>
                <a:solidFill>
                  <a:schemeClr val="tx1"/>
                </a:solidFill>
                <a:latin typeface="Djoef Offc" charset="0"/>
              </a:defRPr>
            </a:lvl5pPr>
            <a:lvl6pPr marL="25146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6pPr>
            <a:lvl7pPr marL="29718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7pPr>
            <a:lvl8pPr marL="34290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8pPr>
            <a:lvl9pPr marL="38862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9pPr>
          </a:lstStyle>
          <a:p>
            <a:pPr algn="ctr" eaLnBrk="1" hangingPunct="1"/>
            <a:r>
              <a:rPr lang="da-DK" altLang="da-DK" sz="1600">
                <a:solidFill>
                  <a:srgbClr val="000000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Erhvervsret til markedsføring og salg</a:t>
            </a:r>
          </a:p>
          <a:p>
            <a:pPr algn="ctr" eaLnBrk="1" hangingPunct="1"/>
            <a:r>
              <a:rPr lang="da-DK" altLang="en-US" sz="1600">
                <a:solidFill>
                  <a:srgbClr val="000000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© Louise Kragh Ottesen</a:t>
            </a:r>
            <a:endParaRPr lang="da-DK" altLang="da-DK" sz="1600">
              <a:solidFill>
                <a:srgbClr val="000000"/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pic>
        <p:nvPicPr>
          <p:cNvPr id="78854" name="Billede 7">
            <a:extLst>
              <a:ext uri="{FF2B5EF4-FFF2-40B4-BE49-F238E27FC236}">
                <a16:creationId xmlns:a16="http://schemas.microsoft.com/office/drawing/2014/main" id="{CA8A53B0-1A77-252B-2291-DF7650DA928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2432050"/>
            <a:ext cx="6858000" cy="73279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custDataLst>
      <p:tags r:id="rId1"/>
    </p:custDataLst>
  </p:cSld>
  <p:clrMapOvr>
    <a:masterClrMapping/>
  </p:clrMapOvr>
  <p:transition spd="slow"/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AD85047-8811-BDA2-53BE-D23CEAF174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8BAC8985-394A-4158-89BE-78D431F1384B}" type="slidenum">
              <a:rPr lang="da-DK"/>
              <a:pPr>
                <a:defRPr/>
              </a:pPr>
              <a:t>4</a:t>
            </a:fld>
            <a:endParaRPr lang="da-DK" dirty="0"/>
          </a:p>
        </p:txBody>
      </p:sp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C4F73D62-7CAD-4F9C-60B1-2833932992C3}"/>
              </a:ext>
            </a:extLst>
          </p:cNvPr>
          <p:cNvSpPr>
            <a:spLocks noGrp="1"/>
          </p:cNvSpPr>
          <p:nvPr>
            <p:ph type="dt" sz="quarter" idx="10"/>
          </p:nvPr>
        </p:nvSpPr>
        <p:spPr/>
        <p:txBody>
          <a:bodyPr/>
          <a:lstStyle/>
          <a:p>
            <a:pPr>
              <a:defRPr/>
            </a:pPr>
            <a:fld id="{F5D256A5-6A5C-4283-943F-D274EC5F677C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pic>
        <p:nvPicPr>
          <p:cNvPr id="79876" name="Billede 5">
            <a:extLst>
              <a:ext uri="{FF2B5EF4-FFF2-40B4-BE49-F238E27FC236}">
                <a16:creationId xmlns:a16="http://schemas.microsoft.com/office/drawing/2014/main" id="{171A69EB-61B9-9A2B-CE9D-6DC61A2C982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6858000" cy="447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79877" name="Billede 4">
            <a:extLst>
              <a:ext uri="{FF2B5EF4-FFF2-40B4-BE49-F238E27FC236}">
                <a16:creationId xmlns:a16="http://schemas.microsoft.com/office/drawing/2014/main" id="{23A32229-4332-68E4-AA6A-D42483A4680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2428875"/>
            <a:ext cx="6710363" cy="78009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79878" name="Tekstfelt 2">
            <a:extLst>
              <a:ext uri="{FF2B5EF4-FFF2-40B4-BE49-F238E27FC236}">
                <a16:creationId xmlns:a16="http://schemas.microsoft.com/office/drawing/2014/main" id="{D512FAC6-C971-FCFB-54DD-E58B6F39AAFE}"/>
              </a:ext>
            </a:extLst>
          </p:cNvPr>
          <p:cNvSpPr txBox="1">
            <a:spLocks noChangeArrowheads="1"/>
          </p:cNvSpPr>
          <p:nvPr/>
        </p:nvSpPr>
        <p:spPr bwMode="auto">
          <a:xfrm flipH="1">
            <a:off x="1804988" y="11293475"/>
            <a:ext cx="3248025" cy="4921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>
            <a:spAutoFit/>
          </a:bodyPr>
          <a:lstStyle>
            <a:lvl1pPr defTabSz="514350">
              <a:defRPr>
                <a:solidFill>
                  <a:schemeClr val="tx1"/>
                </a:solidFill>
                <a:latin typeface="Djoef Offc" charset="0"/>
              </a:defRPr>
            </a:lvl1pPr>
            <a:lvl2pPr marL="742950" indent="-285750" defTabSz="514350">
              <a:defRPr>
                <a:solidFill>
                  <a:schemeClr val="tx1"/>
                </a:solidFill>
                <a:latin typeface="Djoef Offc" charset="0"/>
              </a:defRPr>
            </a:lvl2pPr>
            <a:lvl3pPr marL="1143000" indent="-228600" defTabSz="514350">
              <a:defRPr>
                <a:solidFill>
                  <a:schemeClr val="tx1"/>
                </a:solidFill>
                <a:latin typeface="Djoef Offc" charset="0"/>
              </a:defRPr>
            </a:lvl3pPr>
            <a:lvl4pPr marL="1600200" indent="-228600" defTabSz="514350">
              <a:defRPr>
                <a:solidFill>
                  <a:schemeClr val="tx1"/>
                </a:solidFill>
                <a:latin typeface="Djoef Offc" charset="0"/>
              </a:defRPr>
            </a:lvl4pPr>
            <a:lvl5pPr marL="2057400" indent="-228600" defTabSz="514350">
              <a:defRPr>
                <a:solidFill>
                  <a:schemeClr val="tx1"/>
                </a:solidFill>
                <a:latin typeface="Djoef Offc" charset="0"/>
              </a:defRPr>
            </a:lvl5pPr>
            <a:lvl6pPr marL="25146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6pPr>
            <a:lvl7pPr marL="29718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7pPr>
            <a:lvl8pPr marL="34290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8pPr>
            <a:lvl9pPr marL="38862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9pPr>
          </a:lstStyle>
          <a:p>
            <a:pPr algn="ctr" eaLnBrk="1" hangingPunct="1"/>
            <a:r>
              <a:rPr lang="da-DK" altLang="da-DK" sz="1600">
                <a:solidFill>
                  <a:srgbClr val="000000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Erhvervsret til markedsføring og salg</a:t>
            </a:r>
          </a:p>
          <a:p>
            <a:pPr algn="ctr" eaLnBrk="1" hangingPunct="1"/>
            <a:r>
              <a:rPr lang="da-DK" altLang="en-US" sz="1600">
                <a:solidFill>
                  <a:srgbClr val="000000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© Louise Kragh Ottesen</a:t>
            </a:r>
            <a:endParaRPr lang="da-DK" altLang="da-DK" sz="1600">
              <a:solidFill>
                <a:srgbClr val="000000"/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</p:spTree>
    <p:custDataLst>
      <p:tags r:id="rId1"/>
    </p:custDataLst>
  </p:cSld>
  <p:clrMapOvr>
    <a:masterClrMapping/>
  </p:clrMapOvr>
  <p:transition spd="slow"/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952ED6A-3A55-6B80-89EE-CC4A0345245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004AEED-C4C4-4309-B845-CD6E1311C39A}" type="slidenum">
              <a:rPr lang="da-DK"/>
              <a:pPr>
                <a:defRPr/>
              </a:pPr>
              <a:t>5</a:t>
            </a:fld>
            <a:endParaRPr lang="da-DK" dirty="0"/>
          </a:p>
        </p:txBody>
      </p:sp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B81A53D2-0893-1845-E56D-F32E2A9B6C21}"/>
              </a:ext>
            </a:extLst>
          </p:cNvPr>
          <p:cNvSpPr>
            <a:spLocks noGrp="1"/>
          </p:cNvSpPr>
          <p:nvPr>
            <p:ph type="dt" sz="quarter" idx="10"/>
          </p:nvPr>
        </p:nvSpPr>
        <p:spPr/>
        <p:txBody>
          <a:bodyPr/>
          <a:lstStyle/>
          <a:p>
            <a:pPr>
              <a:defRPr/>
            </a:pPr>
            <a:fld id="{F5D256A5-6A5C-4283-943F-D274EC5F677C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pic>
        <p:nvPicPr>
          <p:cNvPr id="80900" name="Billede 5">
            <a:extLst>
              <a:ext uri="{FF2B5EF4-FFF2-40B4-BE49-F238E27FC236}">
                <a16:creationId xmlns:a16="http://schemas.microsoft.com/office/drawing/2014/main" id="{63FB1A6D-5C52-A4A8-BC37-2F0305766E9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6858000" cy="447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80901" name="Tekstfelt 2">
            <a:extLst>
              <a:ext uri="{FF2B5EF4-FFF2-40B4-BE49-F238E27FC236}">
                <a16:creationId xmlns:a16="http://schemas.microsoft.com/office/drawing/2014/main" id="{3F7F00AE-5802-E308-AD79-C18B632CC0A9}"/>
              </a:ext>
            </a:extLst>
          </p:cNvPr>
          <p:cNvSpPr txBox="1">
            <a:spLocks noChangeArrowheads="1"/>
          </p:cNvSpPr>
          <p:nvPr/>
        </p:nvSpPr>
        <p:spPr bwMode="auto">
          <a:xfrm flipH="1">
            <a:off x="1804988" y="11293475"/>
            <a:ext cx="3248025" cy="4921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>
            <a:spAutoFit/>
          </a:bodyPr>
          <a:lstStyle>
            <a:lvl1pPr defTabSz="514350">
              <a:defRPr>
                <a:solidFill>
                  <a:schemeClr val="tx1"/>
                </a:solidFill>
                <a:latin typeface="Djoef Offc" charset="0"/>
              </a:defRPr>
            </a:lvl1pPr>
            <a:lvl2pPr marL="742950" indent="-285750" defTabSz="514350">
              <a:defRPr>
                <a:solidFill>
                  <a:schemeClr val="tx1"/>
                </a:solidFill>
                <a:latin typeface="Djoef Offc" charset="0"/>
              </a:defRPr>
            </a:lvl2pPr>
            <a:lvl3pPr marL="1143000" indent="-228600" defTabSz="514350">
              <a:defRPr>
                <a:solidFill>
                  <a:schemeClr val="tx1"/>
                </a:solidFill>
                <a:latin typeface="Djoef Offc" charset="0"/>
              </a:defRPr>
            </a:lvl3pPr>
            <a:lvl4pPr marL="1600200" indent="-228600" defTabSz="514350">
              <a:defRPr>
                <a:solidFill>
                  <a:schemeClr val="tx1"/>
                </a:solidFill>
                <a:latin typeface="Djoef Offc" charset="0"/>
              </a:defRPr>
            </a:lvl4pPr>
            <a:lvl5pPr marL="2057400" indent="-228600" defTabSz="514350">
              <a:defRPr>
                <a:solidFill>
                  <a:schemeClr val="tx1"/>
                </a:solidFill>
                <a:latin typeface="Djoef Offc" charset="0"/>
              </a:defRPr>
            </a:lvl5pPr>
            <a:lvl6pPr marL="25146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6pPr>
            <a:lvl7pPr marL="29718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7pPr>
            <a:lvl8pPr marL="34290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8pPr>
            <a:lvl9pPr marL="38862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9pPr>
          </a:lstStyle>
          <a:p>
            <a:pPr algn="ctr" eaLnBrk="1" hangingPunct="1"/>
            <a:r>
              <a:rPr lang="da-DK" altLang="da-DK" sz="1600">
                <a:solidFill>
                  <a:srgbClr val="000000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Erhvervsret til markedsføring og salg</a:t>
            </a:r>
          </a:p>
          <a:p>
            <a:pPr algn="ctr" eaLnBrk="1" hangingPunct="1"/>
            <a:r>
              <a:rPr lang="da-DK" altLang="en-US" sz="1600">
                <a:solidFill>
                  <a:srgbClr val="000000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© Louise Kragh Ottesen</a:t>
            </a:r>
            <a:endParaRPr lang="da-DK" altLang="da-DK" sz="1600">
              <a:solidFill>
                <a:srgbClr val="000000"/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pic>
        <p:nvPicPr>
          <p:cNvPr id="80902" name="Billede 4">
            <a:extLst>
              <a:ext uri="{FF2B5EF4-FFF2-40B4-BE49-F238E27FC236}">
                <a16:creationId xmlns:a16="http://schemas.microsoft.com/office/drawing/2014/main" id="{0ACF8EA8-0A53-07AD-7D22-34E73260591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2963863"/>
            <a:ext cx="6858000" cy="62642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custDataLst>
      <p:tags r:id="rId1"/>
    </p:custDataLst>
  </p:cSld>
  <p:clrMapOvr>
    <a:masterClrMapping/>
  </p:clrMapOvr>
  <p:transition spd="slow"/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A185EE4-B013-C92D-19D7-EE5A5C0199E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F00A71FD-FE12-4F39-9158-6EF141388E28}" type="slidenum">
              <a:rPr lang="da-DK"/>
              <a:pPr>
                <a:defRPr/>
              </a:pPr>
              <a:t>6</a:t>
            </a:fld>
            <a:endParaRPr lang="da-DK" dirty="0"/>
          </a:p>
        </p:txBody>
      </p:sp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4B987F69-1741-DCF5-0ED4-0A7F8F46D3F3}"/>
              </a:ext>
            </a:extLst>
          </p:cNvPr>
          <p:cNvSpPr>
            <a:spLocks noGrp="1"/>
          </p:cNvSpPr>
          <p:nvPr>
            <p:ph type="dt" sz="quarter" idx="10"/>
          </p:nvPr>
        </p:nvSpPr>
        <p:spPr/>
        <p:txBody>
          <a:bodyPr/>
          <a:lstStyle/>
          <a:p>
            <a:pPr>
              <a:defRPr/>
            </a:pPr>
            <a:fld id="{F5D256A5-6A5C-4283-943F-D274EC5F677C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pic>
        <p:nvPicPr>
          <p:cNvPr id="81924" name="Billede 5">
            <a:extLst>
              <a:ext uri="{FF2B5EF4-FFF2-40B4-BE49-F238E27FC236}">
                <a16:creationId xmlns:a16="http://schemas.microsoft.com/office/drawing/2014/main" id="{936728CD-26CE-98A8-10DA-BD471B1C59B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6858000" cy="447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81925" name="Tekstfelt 2">
            <a:extLst>
              <a:ext uri="{FF2B5EF4-FFF2-40B4-BE49-F238E27FC236}">
                <a16:creationId xmlns:a16="http://schemas.microsoft.com/office/drawing/2014/main" id="{4560D39F-47D0-AF77-C17F-8EDB27245E0B}"/>
              </a:ext>
            </a:extLst>
          </p:cNvPr>
          <p:cNvSpPr txBox="1">
            <a:spLocks noChangeArrowheads="1"/>
          </p:cNvSpPr>
          <p:nvPr/>
        </p:nvSpPr>
        <p:spPr bwMode="auto">
          <a:xfrm flipH="1">
            <a:off x="1804988" y="11293475"/>
            <a:ext cx="3248025" cy="4921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>
            <a:spAutoFit/>
          </a:bodyPr>
          <a:lstStyle>
            <a:lvl1pPr defTabSz="514350">
              <a:defRPr>
                <a:solidFill>
                  <a:schemeClr val="tx1"/>
                </a:solidFill>
                <a:latin typeface="Djoef Offc" charset="0"/>
              </a:defRPr>
            </a:lvl1pPr>
            <a:lvl2pPr marL="742950" indent="-285750" defTabSz="514350">
              <a:defRPr>
                <a:solidFill>
                  <a:schemeClr val="tx1"/>
                </a:solidFill>
                <a:latin typeface="Djoef Offc" charset="0"/>
              </a:defRPr>
            </a:lvl2pPr>
            <a:lvl3pPr marL="1143000" indent="-228600" defTabSz="514350">
              <a:defRPr>
                <a:solidFill>
                  <a:schemeClr val="tx1"/>
                </a:solidFill>
                <a:latin typeface="Djoef Offc" charset="0"/>
              </a:defRPr>
            </a:lvl3pPr>
            <a:lvl4pPr marL="1600200" indent="-228600" defTabSz="514350">
              <a:defRPr>
                <a:solidFill>
                  <a:schemeClr val="tx1"/>
                </a:solidFill>
                <a:latin typeface="Djoef Offc" charset="0"/>
              </a:defRPr>
            </a:lvl4pPr>
            <a:lvl5pPr marL="2057400" indent="-228600" defTabSz="514350">
              <a:defRPr>
                <a:solidFill>
                  <a:schemeClr val="tx1"/>
                </a:solidFill>
                <a:latin typeface="Djoef Offc" charset="0"/>
              </a:defRPr>
            </a:lvl5pPr>
            <a:lvl6pPr marL="25146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6pPr>
            <a:lvl7pPr marL="29718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7pPr>
            <a:lvl8pPr marL="34290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8pPr>
            <a:lvl9pPr marL="38862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9pPr>
          </a:lstStyle>
          <a:p>
            <a:pPr algn="ctr" eaLnBrk="1" hangingPunct="1"/>
            <a:r>
              <a:rPr lang="da-DK" altLang="da-DK" sz="1600">
                <a:solidFill>
                  <a:srgbClr val="000000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Erhvervsret til markedsføring og salg</a:t>
            </a:r>
          </a:p>
          <a:p>
            <a:pPr algn="ctr" eaLnBrk="1" hangingPunct="1"/>
            <a:r>
              <a:rPr lang="da-DK" altLang="en-US" sz="1600">
                <a:solidFill>
                  <a:srgbClr val="000000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© Louise Kragh Ottesen</a:t>
            </a:r>
            <a:endParaRPr lang="da-DK" altLang="da-DK" sz="1600">
              <a:solidFill>
                <a:srgbClr val="000000"/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pic>
        <p:nvPicPr>
          <p:cNvPr id="81926" name="Billede 4">
            <a:extLst>
              <a:ext uri="{FF2B5EF4-FFF2-40B4-BE49-F238E27FC236}">
                <a16:creationId xmlns:a16="http://schemas.microsoft.com/office/drawing/2014/main" id="{46D2F99C-7FDF-AFAA-4B43-DFC37713EC1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2968625"/>
            <a:ext cx="6858000" cy="62547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custDataLst>
      <p:tags r:id="rId1"/>
    </p:custDataLst>
  </p:cSld>
  <p:clrMapOvr>
    <a:masterClrMapping/>
  </p:clrMapOvr>
  <p:transition spd="slow"/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75573A0-4253-7F2E-71BE-5065FFF838C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B6100E30-8E3C-44C7-B294-A32C2E841548}" type="slidenum">
              <a:rPr lang="da-DK"/>
              <a:pPr>
                <a:defRPr/>
              </a:pPr>
              <a:t>7</a:t>
            </a:fld>
            <a:endParaRPr lang="da-DK" dirty="0"/>
          </a:p>
        </p:txBody>
      </p:sp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93B2D203-79D5-0552-F415-ABA44ED55FD6}"/>
              </a:ext>
            </a:extLst>
          </p:cNvPr>
          <p:cNvSpPr>
            <a:spLocks noGrp="1"/>
          </p:cNvSpPr>
          <p:nvPr>
            <p:ph type="dt" sz="quarter" idx="10"/>
          </p:nvPr>
        </p:nvSpPr>
        <p:spPr/>
        <p:txBody>
          <a:bodyPr/>
          <a:lstStyle/>
          <a:p>
            <a:pPr>
              <a:defRPr/>
            </a:pPr>
            <a:fld id="{F5D256A5-6A5C-4283-943F-D274EC5F677C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pic>
        <p:nvPicPr>
          <p:cNvPr id="82948" name="Billede 5">
            <a:extLst>
              <a:ext uri="{FF2B5EF4-FFF2-40B4-BE49-F238E27FC236}">
                <a16:creationId xmlns:a16="http://schemas.microsoft.com/office/drawing/2014/main" id="{0AD7CEBD-8A9D-5362-DFEF-DAFCB8E673F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6858000" cy="447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82949" name="Tekstfelt 2">
            <a:extLst>
              <a:ext uri="{FF2B5EF4-FFF2-40B4-BE49-F238E27FC236}">
                <a16:creationId xmlns:a16="http://schemas.microsoft.com/office/drawing/2014/main" id="{324C164B-609A-1CB7-D3EF-CAEBA160B49D}"/>
              </a:ext>
            </a:extLst>
          </p:cNvPr>
          <p:cNvSpPr txBox="1">
            <a:spLocks noChangeArrowheads="1"/>
          </p:cNvSpPr>
          <p:nvPr/>
        </p:nvSpPr>
        <p:spPr bwMode="auto">
          <a:xfrm flipH="1">
            <a:off x="1804988" y="11293475"/>
            <a:ext cx="3248025" cy="4921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>
            <a:spAutoFit/>
          </a:bodyPr>
          <a:lstStyle>
            <a:lvl1pPr defTabSz="514350">
              <a:defRPr>
                <a:solidFill>
                  <a:schemeClr val="tx1"/>
                </a:solidFill>
                <a:latin typeface="Djoef Offc" charset="0"/>
              </a:defRPr>
            </a:lvl1pPr>
            <a:lvl2pPr marL="742950" indent="-285750" defTabSz="514350">
              <a:defRPr>
                <a:solidFill>
                  <a:schemeClr val="tx1"/>
                </a:solidFill>
                <a:latin typeface="Djoef Offc" charset="0"/>
              </a:defRPr>
            </a:lvl2pPr>
            <a:lvl3pPr marL="1143000" indent="-228600" defTabSz="514350">
              <a:defRPr>
                <a:solidFill>
                  <a:schemeClr val="tx1"/>
                </a:solidFill>
                <a:latin typeface="Djoef Offc" charset="0"/>
              </a:defRPr>
            </a:lvl3pPr>
            <a:lvl4pPr marL="1600200" indent="-228600" defTabSz="514350">
              <a:defRPr>
                <a:solidFill>
                  <a:schemeClr val="tx1"/>
                </a:solidFill>
                <a:latin typeface="Djoef Offc" charset="0"/>
              </a:defRPr>
            </a:lvl4pPr>
            <a:lvl5pPr marL="2057400" indent="-228600" defTabSz="514350">
              <a:defRPr>
                <a:solidFill>
                  <a:schemeClr val="tx1"/>
                </a:solidFill>
                <a:latin typeface="Djoef Offc" charset="0"/>
              </a:defRPr>
            </a:lvl5pPr>
            <a:lvl6pPr marL="25146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6pPr>
            <a:lvl7pPr marL="29718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7pPr>
            <a:lvl8pPr marL="34290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8pPr>
            <a:lvl9pPr marL="38862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9pPr>
          </a:lstStyle>
          <a:p>
            <a:pPr algn="ctr" eaLnBrk="1" hangingPunct="1"/>
            <a:r>
              <a:rPr lang="da-DK" altLang="da-DK" sz="1600">
                <a:solidFill>
                  <a:srgbClr val="000000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Erhvervsret til markedsføring og salg</a:t>
            </a:r>
          </a:p>
          <a:p>
            <a:pPr algn="ctr" eaLnBrk="1" hangingPunct="1"/>
            <a:r>
              <a:rPr lang="da-DK" altLang="en-US" sz="1600">
                <a:solidFill>
                  <a:srgbClr val="000000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© Louise Kragh Ottesen</a:t>
            </a:r>
            <a:endParaRPr lang="da-DK" altLang="da-DK" sz="1600">
              <a:solidFill>
                <a:srgbClr val="000000"/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pic>
        <p:nvPicPr>
          <p:cNvPr id="82950" name="Billede 4">
            <a:extLst>
              <a:ext uri="{FF2B5EF4-FFF2-40B4-BE49-F238E27FC236}">
                <a16:creationId xmlns:a16="http://schemas.microsoft.com/office/drawing/2014/main" id="{9977D0AB-1419-71E5-CCAE-646B940D76E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717550"/>
            <a:ext cx="6742113" cy="105759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custDataLst>
      <p:tags r:id="rId1"/>
    </p:custDataLst>
  </p:cSld>
  <p:clrMapOvr>
    <a:masterClrMapping/>
  </p:clrMapOvr>
  <p:transition spd="slow"/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0C6D3CB6-5753-BC7D-AAD9-ABF7B115193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CDB0518D-360D-4EF0-B5E5-0A139C676354}" type="slidenum">
              <a:rPr lang="da-DK"/>
              <a:pPr>
                <a:defRPr/>
              </a:pPr>
              <a:t>8</a:t>
            </a:fld>
            <a:endParaRPr lang="da-DK" dirty="0"/>
          </a:p>
        </p:txBody>
      </p:sp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D565E26E-4925-65F5-0ABC-08D68A6C135B}"/>
              </a:ext>
            </a:extLst>
          </p:cNvPr>
          <p:cNvSpPr>
            <a:spLocks noGrp="1"/>
          </p:cNvSpPr>
          <p:nvPr>
            <p:ph type="dt" sz="quarter" idx="10"/>
          </p:nvPr>
        </p:nvSpPr>
        <p:spPr/>
        <p:txBody>
          <a:bodyPr/>
          <a:lstStyle/>
          <a:p>
            <a:pPr>
              <a:defRPr/>
            </a:pPr>
            <a:fld id="{F5D256A5-6A5C-4283-943F-D274EC5F677C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pic>
        <p:nvPicPr>
          <p:cNvPr id="83972" name="Billede 5">
            <a:extLst>
              <a:ext uri="{FF2B5EF4-FFF2-40B4-BE49-F238E27FC236}">
                <a16:creationId xmlns:a16="http://schemas.microsoft.com/office/drawing/2014/main" id="{AA344CF8-DF2C-E06C-614D-27103C74544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6858000" cy="447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83973" name="Tekstfelt 2">
            <a:extLst>
              <a:ext uri="{FF2B5EF4-FFF2-40B4-BE49-F238E27FC236}">
                <a16:creationId xmlns:a16="http://schemas.microsoft.com/office/drawing/2014/main" id="{EE7FA443-A46C-733A-5654-96FFE817FD22}"/>
              </a:ext>
            </a:extLst>
          </p:cNvPr>
          <p:cNvSpPr txBox="1">
            <a:spLocks noChangeArrowheads="1"/>
          </p:cNvSpPr>
          <p:nvPr/>
        </p:nvSpPr>
        <p:spPr bwMode="auto">
          <a:xfrm flipH="1">
            <a:off x="1804988" y="11293475"/>
            <a:ext cx="3248025" cy="4921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>
            <a:spAutoFit/>
          </a:bodyPr>
          <a:lstStyle>
            <a:lvl1pPr defTabSz="514350">
              <a:defRPr>
                <a:solidFill>
                  <a:schemeClr val="tx1"/>
                </a:solidFill>
                <a:latin typeface="Djoef Offc" charset="0"/>
              </a:defRPr>
            </a:lvl1pPr>
            <a:lvl2pPr marL="742950" indent="-285750" defTabSz="514350">
              <a:defRPr>
                <a:solidFill>
                  <a:schemeClr val="tx1"/>
                </a:solidFill>
                <a:latin typeface="Djoef Offc" charset="0"/>
              </a:defRPr>
            </a:lvl2pPr>
            <a:lvl3pPr marL="1143000" indent="-228600" defTabSz="514350">
              <a:defRPr>
                <a:solidFill>
                  <a:schemeClr val="tx1"/>
                </a:solidFill>
                <a:latin typeface="Djoef Offc" charset="0"/>
              </a:defRPr>
            </a:lvl3pPr>
            <a:lvl4pPr marL="1600200" indent="-228600" defTabSz="514350">
              <a:defRPr>
                <a:solidFill>
                  <a:schemeClr val="tx1"/>
                </a:solidFill>
                <a:latin typeface="Djoef Offc" charset="0"/>
              </a:defRPr>
            </a:lvl4pPr>
            <a:lvl5pPr marL="2057400" indent="-228600" defTabSz="514350">
              <a:defRPr>
                <a:solidFill>
                  <a:schemeClr val="tx1"/>
                </a:solidFill>
                <a:latin typeface="Djoef Offc" charset="0"/>
              </a:defRPr>
            </a:lvl5pPr>
            <a:lvl6pPr marL="25146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6pPr>
            <a:lvl7pPr marL="29718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7pPr>
            <a:lvl8pPr marL="34290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8pPr>
            <a:lvl9pPr marL="38862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9pPr>
          </a:lstStyle>
          <a:p>
            <a:pPr algn="ctr" eaLnBrk="1" hangingPunct="1"/>
            <a:r>
              <a:rPr lang="da-DK" altLang="da-DK" sz="1600">
                <a:solidFill>
                  <a:srgbClr val="000000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Erhvervsret til markedsføring og salg</a:t>
            </a:r>
          </a:p>
          <a:p>
            <a:pPr algn="ctr" eaLnBrk="1" hangingPunct="1"/>
            <a:r>
              <a:rPr lang="da-DK" altLang="en-US" sz="1600">
                <a:solidFill>
                  <a:srgbClr val="000000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© Louise Kragh Ottesen</a:t>
            </a:r>
            <a:endParaRPr lang="da-DK" altLang="da-DK" sz="1600">
              <a:solidFill>
                <a:srgbClr val="000000"/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pic>
        <p:nvPicPr>
          <p:cNvPr id="83974" name="Billede 4">
            <a:extLst>
              <a:ext uri="{FF2B5EF4-FFF2-40B4-BE49-F238E27FC236}">
                <a16:creationId xmlns:a16="http://schemas.microsoft.com/office/drawing/2014/main" id="{C9EE21A0-6880-E4F5-4DBE-DF35271B8AD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2036763"/>
            <a:ext cx="6858000" cy="81184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custDataLst>
      <p:tags r:id="rId1"/>
    </p:custDataLst>
  </p:cSld>
  <p:clrMapOvr>
    <a:masterClrMapping/>
  </p:clrMapOvr>
  <p:transition spd="slow"/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A94E3E0-F545-B00D-2F85-58C9B95B712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90A4F0B1-A78F-4E67-828B-1051E33E826C}" type="slidenum">
              <a:rPr lang="da-DK"/>
              <a:pPr>
                <a:defRPr/>
              </a:pPr>
              <a:t>9</a:t>
            </a:fld>
            <a:endParaRPr lang="da-DK" dirty="0"/>
          </a:p>
        </p:txBody>
      </p:sp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7734016A-B010-8005-B16D-B8CBC0A7F6A2}"/>
              </a:ext>
            </a:extLst>
          </p:cNvPr>
          <p:cNvSpPr>
            <a:spLocks noGrp="1"/>
          </p:cNvSpPr>
          <p:nvPr>
            <p:ph type="dt" sz="quarter" idx="10"/>
          </p:nvPr>
        </p:nvSpPr>
        <p:spPr/>
        <p:txBody>
          <a:bodyPr/>
          <a:lstStyle/>
          <a:p>
            <a:pPr>
              <a:defRPr/>
            </a:pPr>
            <a:fld id="{F5D256A5-6A5C-4283-943F-D274EC5F677C}" type="datetime2">
              <a:rPr lang="da-DK"/>
              <a:pPr>
                <a:defRPr/>
              </a:pPr>
              <a:t>12. februar 2025</a:t>
            </a:fld>
            <a:endParaRPr lang="da-DK" dirty="0"/>
          </a:p>
        </p:txBody>
      </p:sp>
      <p:pic>
        <p:nvPicPr>
          <p:cNvPr id="84996" name="Billede 5">
            <a:extLst>
              <a:ext uri="{FF2B5EF4-FFF2-40B4-BE49-F238E27FC236}">
                <a16:creationId xmlns:a16="http://schemas.microsoft.com/office/drawing/2014/main" id="{B5DFED5D-4D7C-B863-776B-B8FA65A2252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6858000" cy="447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84997" name="Tekstfelt 2">
            <a:extLst>
              <a:ext uri="{FF2B5EF4-FFF2-40B4-BE49-F238E27FC236}">
                <a16:creationId xmlns:a16="http://schemas.microsoft.com/office/drawing/2014/main" id="{86A43069-AB2D-959D-C31E-7FEA0108F4CB}"/>
              </a:ext>
            </a:extLst>
          </p:cNvPr>
          <p:cNvSpPr txBox="1">
            <a:spLocks noChangeArrowheads="1"/>
          </p:cNvSpPr>
          <p:nvPr/>
        </p:nvSpPr>
        <p:spPr bwMode="auto">
          <a:xfrm flipH="1">
            <a:off x="1804988" y="11293475"/>
            <a:ext cx="3248025" cy="4921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>
            <a:spAutoFit/>
          </a:bodyPr>
          <a:lstStyle>
            <a:lvl1pPr defTabSz="514350">
              <a:defRPr>
                <a:solidFill>
                  <a:schemeClr val="tx1"/>
                </a:solidFill>
                <a:latin typeface="Djoef Offc" charset="0"/>
              </a:defRPr>
            </a:lvl1pPr>
            <a:lvl2pPr marL="742950" indent="-285750" defTabSz="514350">
              <a:defRPr>
                <a:solidFill>
                  <a:schemeClr val="tx1"/>
                </a:solidFill>
                <a:latin typeface="Djoef Offc" charset="0"/>
              </a:defRPr>
            </a:lvl2pPr>
            <a:lvl3pPr marL="1143000" indent="-228600" defTabSz="514350">
              <a:defRPr>
                <a:solidFill>
                  <a:schemeClr val="tx1"/>
                </a:solidFill>
                <a:latin typeface="Djoef Offc" charset="0"/>
              </a:defRPr>
            </a:lvl3pPr>
            <a:lvl4pPr marL="1600200" indent="-228600" defTabSz="514350">
              <a:defRPr>
                <a:solidFill>
                  <a:schemeClr val="tx1"/>
                </a:solidFill>
                <a:latin typeface="Djoef Offc" charset="0"/>
              </a:defRPr>
            </a:lvl4pPr>
            <a:lvl5pPr marL="2057400" indent="-228600" defTabSz="514350">
              <a:defRPr>
                <a:solidFill>
                  <a:schemeClr val="tx1"/>
                </a:solidFill>
                <a:latin typeface="Djoef Offc" charset="0"/>
              </a:defRPr>
            </a:lvl5pPr>
            <a:lvl6pPr marL="25146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6pPr>
            <a:lvl7pPr marL="29718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7pPr>
            <a:lvl8pPr marL="34290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8pPr>
            <a:lvl9pPr marL="3886200" indent="-228600" defTabSz="51435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Djoef Offc" charset="0"/>
              </a:defRPr>
            </a:lvl9pPr>
          </a:lstStyle>
          <a:p>
            <a:pPr algn="ctr" eaLnBrk="1" hangingPunct="1"/>
            <a:r>
              <a:rPr lang="da-DK" altLang="da-DK" sz="1600">
                <a:solidFill>
                  <a:srgbClr val="000000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Erhvervsret til markedsføring og salg</a:t>
            </a:r>
          </a:p>
          <a:p>
            <a:pPr algn="ctr" eaLnBrk="1" hangingPunct="1"/>
            <a:r>
              <a:rPr lang="da-DK" altLang="en-US" sz="1600">
                <a:solidFill>
                  <a:srgbClr val="000000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© Louise Kragh Ottesen</a:t>
            </a:r>
            <a:endParaRPr lang="da-DK" altLang="da-DK" sz="1600">
              <a:solidFill>
                <a:srgbClr val="000000"/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pic>
        <p:nvPicPr>
          <p:cNvPr id="84998" name="Billede 4">
            <a:extLst>
              <a:ext uri="{FF2B5EF4-FFF2-40B4-BE49-F238E27FC236}">
                <a16:creationId xmlns:a16="http://schemas.microsoft.com/office/drawing/2014/main" id="{F79FC08F-D704-86B1-39BC-91D4651B976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88913" y="752475"/>
            <a:ext cx="6480175" cy="101219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custDataLst>
      <p:tags r:id="rId1"/>
    </p:custDataLst>
  </p:cSld>
  <p:clrMapOvr>
    <a:masterClrMapping/>
  </p:clrMapOvr>
  <p:transition spd="slow"/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302856208976232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302856208976232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302856208976232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302856208976232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302856208976232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302856208976232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302856208976232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302856208976232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302856208976232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302856208976232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302856208976232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302856208976232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302856208976232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302856208976232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302856208976232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302856208976232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302856208976232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302856208976232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302856208976232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302856208976232"/>
</p:tagLst>
</file>

<file path=ppt/theme/theme1.xml><?xml version="1.0" encoding="utf-8"?>
<a:theme xmlns:a="http://schemas.openxmlformats.org/drawingml/2006/main" name="Djøf PowerPoint skabelon">
  <a:themeElements>
    <a:clrScheme name="DJØF">
      <a:dk1>
        <a:srgbClr val="000000"/>
      </a:dk1>
      <a:lt1>
        <a:srgbClr val="FFFFFF"/>
      </a:lt1>
      <a:dk2>
        <a:srgbClr val="06235F"/>
      </a:dk2>
      <a:lt2>
        <a:srgbClr val="F5F5F2"/>
      </a:lt2>
      <a:accent1>
        <a:srgbClr val="0054CE"/>
      </a:accent1>
      <a:accent2>
        <a:srgbClr val="06235F"/>
      </a:accent2>
      <a:accent3>
        <a:srgbClr val="BCD0D4"/>
      </a:accent3>
      <a:accent4>
        <a:srgbClr val="E6CDA3"/>
      </a:accent4>
      <a:accent5>
        <a:srgbClr val="FFFF78"/>
      </a:accent5>
      <a:accent6>
        <a:srgbClr val="FF466C"/>
      </a:accent6>
      <a:hlink>
        <a:srgbClr val="0054CE"/>
      </a:hlink>
      <a:folHlink>
        <a:srgbClr val="E6CDA3"/>
      </a:folHlink>
    </a:clrScheme>
    <a:fontScheme name="Djøf">
      <a:majorFont>
        <a:latin typeface="Djoef Offc"/>
        <a:ea typeface=""/>
        <a:cs typeface=""/>
      </a:majorFont>
      <a:minorFont>
        <a:latin typeface="Djoef Offc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lIns="72000" tIns="36000" rIns="72000" bIns="36000" rtlCol="0" anchor="ctr"/>
      <a:lstStyle>
        <a:defPPr algn="ctr">
          <a:defRPr sz="1600" noProof="0" dirty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l">
          <a:defRPr sz="1600" dirty="0"/>
        </a:defPPr>
      </a:lstStyle>
    </a:txDef>
  </a:objectDefaults>
  <a:extraClrSchemeLst/>
  <a:custClrLst>
    <a:custClr name="Hav Signal">
      <a:srgbClr val="0054CE"/>
    </a:custClr>
    <a:custClr name="Hav">
      <a:srgbClr val="06235F"/>
    </a:custClr>
    <a:custClr name="Kanvas">
      <a:srgbClr val="F5F5F2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Hav Lys">
      <a:srgbClr val="BCD0D4"/>
    </a:custClr>
    <a:custClr name="Sand">
      <a:srgbClr val="E6CDA3"/>
    </a:custClr>
    <a:custClr name="Sand Lys">
      <a:srgbClr val="EBE0CD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Sand Signal">
      <a:srgbClr val="FFFF78"/>
    </a:custClr>
    <a:custClr name="Jord Signal">
      <a:srgbClr val="FF466C"/>
    </a:custClr>
    <a:custClr name="Skov Signal">
      <a:srgbClr val="CBFF9E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Jord">
      <a:srgbClr val="A48471"/>
    </a:custClr>
    <a:custClr name="Jord Lys">
      <a:srgbClr val="CEB7A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Skov">
      <a:srgbClr val="2F4441"/>
    </a:custClr>
    <a:custClr name="Skov Lys">
      <a:srgbClr val="B2C9A7"/>
    </a:custClr>
  </a:custClrLst>
  <a:extLst>
    <a:ext uri="{05A4C25C-085E-4340-85A3-A5531E510DB2}">
      <thm15:themeFamily xmlns:thm15="http://schemas.microsoft.com/office/thememl/2012/main" name="Præsentation2" id="{D9CFB698-3C47-412E-AC52-9FE093FC8D7C}" vid="{EC7C86FC-CAD7-4BC4-988A-69CDFEA11610}"/>
    </a:ext>
  </a:extLst>
</a:theme>
</file>

<file path=ppt/theme/theme2.xml><?xml version="1.0" encoding="utf-8"?>
<a:theme xmlns:a="http://schemas.openxmlformats.org/drawingml/2006/main" name="1_Djøf PowerPoint skabelon">
  <a:themeElements>
    <a:clrScheme name="DJØF">
      <a:dk1>
        <a:srgbClr val="000000"/>
      </a:dk1>
      <a:lt1>
        <a:srgbClr val="FFFFFF"/>
      </a:lt1>
      <a:dk2>
        <a:srgbClr val="06235F"/>
      </a:dk2>
      <a:lt2>
        <a:srgbClr val="F5F5F2"/>
      </a:lt2>
      <a:accent1>
        <a:srgbClr val="0054CE"/>
      </a:accent1>
      <a:accent2>
        <a:srgbClr val="06235F"/>
      </a:accent2>
      <a:accent3>
        <a:srgbClr val="BCD0D4"/>
      </a:accent3>
      <a:accent4>
        <a:srgbClr val="E6CDA3"/>
      </a:accent4>
      <a:accent5>
        <a:srgbClr val="FFFF78"/>
      </a:accent5>
      <a:accent6>
        <a:srgbClr val="FF466C"/>
      </a:accent6>
      <a:hlink>
        <a:srgbClr val="0054CE"/>
      </a:hlink>
      <a:folHlink>
        <a:srgbClr val="E6CDA3"/>
      </a:folHlink>
    </a:clrScheme>
    <a:fontScheme name="Djøf">
      <a:majorFont>
        <a:latin typeface="Djoef Offc"/>
        <a:ea typeface=""/>
        <a:cs typeface=""/>
      </a:majorFont>
      <a:minorFont>
        <a:latin typeface="Djoef Offc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lIns="72000" tIns="36000" rIns="72000" bIns="36000" rtlCol="0" anchor="ctr"/>
      <a:lstStyle>
        <a:defPPr algn="ctr">
          <a:defRPr sz="1600" noProof="0" dirty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l">
          <a:defRPr sz="1600" dirty="0"/>
        </a:defPPr>
      </a:lstStyle>
    </a:txDef>
  </a:objectDefaults>
  <a:extraClrSchemeLst/>
  <a:custClrLst>
    <a:custClr name="Hav Signal">
      <a:srgbClr val="0054CE"/>
    </a:custClr>
    <a:custClr name="Hav">
      <a:srgbClr val="06235F"/>
    </a:custClr>
    <a:custClr name="Kanvas">
      <a:srgbClr val="F5F5F2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Hav Lys">
      <a:srgbClr val="BCD0D4"/>
    </a:custClr>
    <a:custClr name="Sand">
      <a:srgbClr val="E6CDA3"/>
    </a:custClr>
    <a:custClr name="Sand Lys">
      <a:srgbClr val="EBE0CD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Sand Signal">
      <a:srgbClr val="FFFF78"/>
    </a:custClr>
    <a:custClr name="Jord Signal">
      <a:srgbClr val="FF466C"/>
    </a:custClr>
    <a:custClr name="Skov Signal">
      <a:srgbClr val="CBFF9E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Jord">
      <a:srgbClr val="A48471"/>
    </a:custClr>
    <a:custClr name="Jord Lys">
      <a:srgbClr val="CEB7A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Skov">
      <a:srgbClr val="2F4441"/>
    </a:custClr>
    <a:custClr name="Skov Lys">
      <a:srgbClr val="B2C9A7"/>
    </a:custClr>
  </a:custClrLst>
  <a:extLst>
    <a:ext uri="{05A4C25C-085E-4340-85A3-A5531E510DB2}">
      <thm15:themeFamily xmlns:thm15="http://schemas.microsoft.com/office/thememl/2012/main" name="Præsentation2" id="{D9CFB698-3C47-412E-AC52-9FE093FC8D7C}" vid="{EC7C86FC-CAD7-4BC4-988A-69CDFEA11610}"/>
    </a:ext>
  </a:extLst>
</a:theme>
</file>

<file path=ppt/theme/theme3.xml><?xml version="1.0" encoding="utf-8"?>
<a:theme xmlns:a="http://schemas.openxmlformats.org/drawingml/2006/main" name="Office-tema">
  <a:themeElements>
    <a:clrScheme name="DJØF">
      <a:dk1>
        <a:srgbClr val="000000"/>
      </a:dk1>
      <a:lt1>
        <a:srgbClr val="FFFFFF"/>
      </a:lt1>
      <a:dk2>
        <a:srgbClr val="06235F"/>
      </a:dk2>
      <a:lt2>
        <a:srgbClr val="F5F5F2"/>
      </a:lt2>
      <a:accent1>
        <a:srgbClr val="0054CE"/>
      </a:accent1>
      <a:accent2>
        <a:srgbClr val="06235F"/>
      </a:accent2>
      <a:accent3>
        <a:srgbClr val="BCD0D4"/>
      </a:accent3>
      <a:accent4>
        <a:srgbClr val="E6CDA3"/>
      </a:accent4>
      <a:accent5>
        <a:srgbClr val="FFFF78"/>
      </a:accent5>
      <a:accent6>
        <a:srgbClr val="FF466C"/>
      </a:accent6>
      <a:hlink>
        <a:srgbClr val="0054CE"/>
      </a:hlink>
      <a:folHlink>
        <a:srgbClr val="E6CDA3"/>
      </a:folHlink>
    </a:clrScheme>
    <a:fontScheme name="Djøf">
      <a:majorFont>
        <a:latin typeface="Djoef Offc"/>
        <a:ea typeface=""/>
        <a:cs typeface=""/>
      </a:majorFont>
      <a:minorFont>
        <a:latin typeface="Djoef Offc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Hav Signal">
      <a:srgbClr val="0054CE"/>
    </a:custClr>
    <a:custClr name="Hav">
      <a:srgbClr val="06235F"/>
    </a:custClr>
    <a:custClr name="Kanvas">
      <a:srgbClr val="F5F5F2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Hav Lys">
      <a:srgbClr val="BCD0D4"/>
    </a:custClr>
    <a:custClr name="Sand">
      <a:srgbClr val="E6CDA3"/>
    </a:custClr>
    <a:custClr name="Sand Lys">
      <a:srgbClr val="EBE0CD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Sand Signal">
      <a:srgbClr val="FFFF78"/>
    </a:custClr>
    <a:custClr name="Jord Signal">
      <a:srgbClr val="FF466C"/>
    </a:custClr>
    <a:custClr name="Skov Signal">
      <a:srgbClr val="CBFF9E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Jord">
      <a:srgbClr val="A48471"/>
    </a:custClr>
    <a:custClr name="Jord Lys">
      <a:srgbClr val="CEB7A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Skov">
      <a:srgbClr val="2F4441"/>
    </a:custClr>
    <a:custClr name="Skov Lys">
      <a:srgbClr val="B2C9A7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4.xml><?xml version="1.0" encoding="utf-8"?>
<a:theme xmlns:a="http://schemas.openxmlformats.org/drawingml/2006/main" name="Office Theme">
  <a:themeElements>
    <a:clrScheme name="DJØF">
      <a:dk1>
        <a:srgbClr val="000000"/>
      </a:dk1>
      <a:lt1>
        <a:srgbClr val="FFFFFF"/>
      </a:lt1>
      <a:dk2>
        <a:srgbClr val="06235F"/>
      </a:dk2>
      <a:lt2>
        <a:srgbClr val="F5F5F2"/>
      </a:lt2>
      <a:accent1>
        <a:srgbClr val="0054CE"/>
      </a:accent1>
      <a:accent2>
        <a:srgbClr val="06235F"/>
      </a:accent2>
      <a:accent3>
        <a:srgbClr val="BCD0D4"/>
      </a:accent3>
      <a:accent4>
        <a:srgbClr val="E6CDA3"/>
      </a:accent4>
      <a:accent5>
        <a:srgbClr val="FFFF78"/>
      </a:accent5>
      <a:accent6>
        <a:srgbClr val="FF466C"/>
      </a:accent6>
      <a:hlink>
        <a:srgbClr val="0054CE"/>
      </a:hlink>
      <a:folHlink>
        <a:srgbClr val="E6CDA3"/>
      </a:folHlink>
    </a:clrScheme>
    <a:fontScheme name="Djøf">
      <a:majorFont>
        <a:latin typeface="Djoef Offc"/>
        <a:ea typeface=""/>
        <a:cs typeface=""/>
      </a:majorFont>
      <a:minorFont>
        <a:latin typeface="Djoef Offc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Hav Signal">
      <a:srgbClr val="0054CE"/>
    </a:custClr>
    <a:custClr name="Hav">
      <a:srgbClr val="06235F"/>
    </a:custClr>
    <a:custClr name="Kanvas">
      <a:srgbClr val="F5F5F2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Hav Lys">
      <a:srgbClr val="BCD0D4"/>
    </a:custClr>
    <a:custClr name="Sand">
      <a:srgbClr val="E6CDA3"/>
    </a:custClr>
    <a:custClr name="Sand Lys">
      <a:srgbClr val="EBE0CD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Sand Signal">
      <a:srgbClr val="FFFF78"/>
    </a:custClr>
    <a:custClr name="Jord Signal">
      <a:srgbClr val="FF466C"/>
    </a:custClr>
    <a:custClr name="Skov Signal">
      <a:srgbClr val="CBFF9E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Jord">
      <a:srgbClr val="A48471"/>
    </a:custClr>
    <a:custClr name="Jord Lys">
      <a:srgbClr val="CEB7A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Skov">
      <a:srgbClr val="2F4441"/>
    </a:custClr>
    <a:custClr name="Skov Lys">
      <a:srgbClr val="B2C9A7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Override1.xml><?xml version="1.0" encoding="utf-8"?>
<a:themeOverride xmlns:a="http://schemas.openxmlformats.org/drawingml/2006/main">
  <a:clrScheme name="DJØF">
    <a:dk1>
      <a:srgbClr val="000000"/>
    </a:dk1>
    <a:lt1>
      <a:srgbClr val="FFFFFF"/>
    </a:lt1>
    <a:dk2>
      <a:srgbClr val="06235F"/>
    </a:dk2>
    <a:lt2>
      <a:srgbClr val="F5F5F2"/>
    </a:lt2>
    <a:accent1>
      <a:srgbClr val="0054CE"/>
    </a:accent1>
    <a:accent2>
      <a:srgbClr val="06235F"/>
    </a:accent2>
    <a:accent3>
      <a:srgbClr val="BCD0D4"/>
    </a:accent3>
    <a:accent4>
      <a:srgbClr val="E6CDA3"/>
    </a:accent4>
    <a:accent5>
      <a:srgbClr val="FFFF78"/>
    </a:accent5>
    <a:accent6>
      <a:srgbClr val="FF466C"/>
    </a:accent6>
    <a:hlink>
      <a:srgbClr val="0054CE"/>
    </a:hlink>
    <a:folHlink>
      <a:srgbClr val="E6CDA3"/>
    </a:folHlink>
  </a:clrScheme>
</a:themeOverride>
</file>

<file path=ppt/theme/themeOverride10.xml><?xml version="1.0" encoding="utf-8"?>
<a:themeOverride xmlns:a="http://schemas.openxmlformats.org/drawingml/2006/main">
  <a:clrScheme name="DJØF">
    <a:dk1>
      <a:srgbClr val="000000"/>
    </a:dk1>
    <a:lt1>
      <a:srgbClr val="FFFFFF"/>
    </a:lt1>
    <a:dk2>
      <a:srgbClr val="06235F"/>
    </a:dk2>
    <a:lt2>
      <a:srgbClr val="F5F5F2"/>
    </a:lt2>
    <a:accent1>
      <a:srgbClr val="0054CE"/>
    </a:accent1>
    <a:accent2>
      <a:srgbClr val="06235F"/>
    </a:accent2>
    <a:accent3>
      <a:srgbClr val="BCD0D4"/>
    </a:accent3>
    <a:accent4>
      <a:srgbClr val="E6CDA3"/>
    </a:accent4>
    <a:accent5>
      <a:srgbClr val="FFFF78"/>
    </a:accent5>
    <a:accent6>
      <a:srgbClr val="FF466C"/>
    </a:accent6>
    <a:hlink>
      <a:srgbClr val="0054CE"/>
    </a:hlink>
    <a:folHlink>
      <a:srgbClr val="E6CDA3"/>
    </a:folHlink>
  </a:clrScheme>
</a:themeOverride>
</file>

<file path=ppt/theme/themeOverride11.xml><?xml version="1.0" encoding="utf-8"?>
<a:themeOverride xmlns:a="http://schemas.openxmlformats.org/drawingml/2006/main">
  <a:clrScheme name="DJØF">
    <a:dk1>
      <a:srgbClr val="000000"/>
    </a:dk1>
    <a:lt1>
      <a:srgbClr val="FFFFFF"/>
    </a:lt1>
    <a:dk2>
      <a:srgbClr val="06235F"/>
    </a:dk2>
    <a:lt2>
      <a:srgbClr val="F5F5F2"/>
    </a:lt2>
    <a:accent1>
      <a:srgbClr val="0054CE"/>
    </a:accent1>
    <a:accent2>
      <a:srgbClr val="06235F"/>
    </a:accent2>
    <a:accent3>
      <a:srgbClr val="BCD0D4"/>
    </a:accent3>
    <a:accent4>
      <a:srgbClr val="E6CDA3"/>
    </a:accent4>
    <a:accent5>
      <a:srgbClr val="FFFF78"/>
    </a:accent5>
    <a:accent6>
      <a:srgbClr val="FF466C"/>
    </a:accent6>
    <a:hlink>
      <a:srgbClr val="0054CE"/>
    </a:hlink>
    <a:folHlink>
      <a:srgbClr val="E6CDA3"/>
    </a:folHlink>
  </a:clrScheme>
</a:themeOverride>
</file>

<file path=ppt/theme/themeOverride12.xml><?xml version="1.0" encoding="utf-8"?>
<a:themeOverride xmlns:a="http://schemas.openxmlformats.org/drawingml/2006/main">
  <a:clrScheme name="DJØF">
    <a:dk1>
      <a:srgbClr val="000000"/>
    </a:dk1>
    <a:lt1>
      <a:srgbClr val="FFFFFF"/>
    </a:lt1>
    <a:dk2>
      <a:srgbClr val="06235F"/>
    </a:dk2>
    <a:lt2>
      <a:srgbClr val="F5F5F2"/>
    </a:lt2>
    <a:accent1>
      <a:srgbClr val="0054CE"/>
    </a:accent1>
    <a:accent2>
      <a:srgbClr val="06235F"/>
    </a:accent2>
    <a:accent3>
      <a:srgbClr val="BCD0D4"/>
    </a:accent3>
    <a:accent4>
      <a:srgbClr val="E6CDA3"/>
    </a:accent4>
    <a:accent5>
      <a:srgbClr val="FFFF78"/>
    </a:accent5>
    <a:accent6>
      <a:srgbClr val="FF466C"/>
    </a:accent6>
    <a:hlink>
      <a:srgbClr val="0054CE"/>
    </a:hlink>
    <a:folHlink>
      <a:srgbClr val="E6CDA3"/>
    </a:folHlink>
  </a:clrScheme>
</a:themeOverride>
</file>

<file path=ppt/theme/themeOverride13.xml><?xml version="1.0" encoding="utf-8"?>
<a:themeOverride xmlns:a="http://schemas.openxmlformats.org/drawingml/2006/main">
  <a:clrScheme name="DJØF">
    <a:dk1>
      <a:srgbClr val="000000"/>
    </a:dk1>
    <a:lt1>
      <a:srgbClr val="FFFFFF"/>
    </a:lt1>
    <a:dk2>
      <a:srgbClr val="06235F"/>
    </a:dk2>
    <a:lt2>
      <a:srgbClr val="F5F5F2"/>
    </a:lt2>
    <a:accent1>
      <a:srgbClr val="0054CE"/>
    </a:accent1>
    <a:accent2>
      <a:srgbClr val="06235F"/>
    </a:accent2>
    <a:accent3>
      <a:srgbClr val="BCD0D4"/>
    </a:accent3>
    <a:accent4>
      <a:srgbClr val="E6CDA3"/>
    </a:accent4>
    <a:accent5>
      <a:srgbClr val="FFFF78"/>
    </a:accent5>
    <a:accent6>
      <a:srgbClr val="FF466C"/>
    </a:accent6>
    <a:hlink>
      <a:srgbClr val="0054CE"/>
    </a:hlink>
    <a:folHlink>
      <a:srgbClr val="E6CDA3"/>
    </a:folHlink>
  </a:clrScheme>
</a:themeOverride>
</file>

<file path=ppt/theme/themeOverride14.xml><?xml version="1.0" encoding="utf-8"?>
<a:themeOverride xmlns:a="http://schemas.openxmlformats.org/drawingml/2006/main">
  <a:clrScheme name="DJØF">
    <a:dk1>
      <a:srgbClr val="000000"/>
    </a:dk1>
    <a:lt1>
      <a:srgbClr val="FFFFFF"/>
    </a:lt1>
    <a:dk2>
      <a:srgbClr val="06235F"/>
    </a:dk2>
    <a:lt2>
      <a:srgbClr val="F5F5F2"/>
    </a:lt2>
    <a:accent1>
      <a:srgbClr val="0054CE"/>
    </a:accent1>
    <a:accent2>
      <a:srgbClr val="06235F"/>
    </a:accent2>
    <a:accent3>
      <a:srgbClr val="BCD0D4"/>
    </a:accent3>
    <a:accent4>
      <a:srgbClr val="E6CDA3"/>
    </a:accent4>
    <a:accent5>
      <a:srgbClr val="FFFF78"/>
    </a:accent5>
    <a:accent6>
      <a:srgbClr val="FF466C"/>
    </a:accent6>
    <a:hlink>
      <a:srgbClr val="0054CE"/>
    </a:hlink>
    <a:folHlink>
      <a:srgbClr val="E6CDA3"/>
    </a:folHlink>
  </a:clrScheme>
</a:themeOverride>
</file>

<file path=ppt/theme/themeOverride15.xml><?xml version="1.0" encoding="utf-8"?>
<a:themeOverride xmlns:a="http://schemas.openxmlformats.org/drawingml/2006/main">
  <a:clrScheme name="DJØF">
    <a:dk1>
      <a:srgbClr val="000000"/>
    </a:dk1>
    <a:lt1>
      <a:srgbClr val="FFFFFF"/>
    </a:lt1>
    <a:dk2>
      <a:srgbClr val="06235F"/>
    </a:dk2>
    <a:lt2>
      <a:srgbClr val="F5F5F2"/>
    </a:lt2>
    <a:accent1>
      <a:srgbClr val="0054CE"/>
    </a:accent1>
    <a:accent2>
      <a:srgbClr val="06235F"/>
    </a:accent2>
    <a:accent3>
      <a:srgbClr val="BCD0D4"/>
    </a:accent3>
    <a:accent4>
      <a:srgbClr val="E6CDA3"/>
    </a:accent4>
    <a:accent5>
      <a:srgbClr val="FFFF78"/>
    </a:accent5>
    <a:accent6>
      <a:srgbClr val="FF466C"/>
    </a:accent6>
    <a:hlink>
      <a:srgbClr val="0054CE"/>
    </a:hlink>
    <a:folHlink>
      <a:srgbClr val="E6CDA3"/>
    </a:folHlink>
  </a:clrScheme>
</a:themeOverride>
</file>

<file path=ppt/theme/themeOverride16.xml><?xml version="1.0" encoding="utf-8"?>
<a:themeOverride xmlns:a="http://schemas.openxmlformats.org/drawingml/2006/main">
  <a:clrScheme name="DJØF">
    <a:dk1>
      <a:srgbClr val="000000"/>
    </a:dk1>
    <a:lt1>
      <a:srgbClr val="FFFFFF"/>
    </a:lt1>
    <a:dk2>
      <a:srgbClr val="06235F"/>
    </a:dk2>
    <a:lt2>
      <a:srgbClr val="F5F5F2"/>
    </a:lt2>
    <a:accent1>
      <a:srgbClr val="0054CE"/>
    </a:accent1>
    <a:accent2>
      <a:srgbClr val="06235F"/>
    </a:accent2>
    <a:accent3>
      <a:srgbClr val="BCD0D4"/>
    </a:accent3>
    <a:accent4>
      <a:srgbClr val="E6CDA3"/>
    </a:accent4>
    <a:accent5>
      <a:srgbClr val="FFFF78"/>
    </a:accent5>
    <a:accent6>
      <a:srgbClr val="FF466C"/>
    </a:accent6>
    <a:hlink>
      <a:srgbClr val="0054CE"/>
    </a:hlink>
    <a:folHlink>
      <a:srgbClr val="E6CDA3"/>
    </a:folHlink>
  </a:clrScheme>
</a:themeOverride>
</file>

<file path=ppt/theme/themeOverride17.xml><?xml version="1.0" encoding="utf-8"?>
<a:themeOverride xmlns:a="http://schemas.openxmlformats.org/drawingml/2006/main">
  <a:clrScheme name="DJØF">
    <a:dk1>
      <a:srgbClr val="000000"/>
    </a:dk1>
    <a:lt1>
      <a:srgbClr val="FFFFFF"/>
    </a:lt1>
    <a:dk2>
      <a:srgbClr val="06235F"/>
    </a:dk2>
    <a:lt2>
      <a:srgbClr val="F5F5F2"/>
    </a:lt2>
    <a:accent1>
      <a:srgbClr val="0054CE"/>
    </a:accent1>
    <a:accent2>
      <a:srgbClr val="06235F"/>
    </a:accent2>
    <a:accent3>
      <a:srgbClr val="BCD0D4"/>
    </a:accent3>
    <a:accent4>
      <a:srgbClr val="E6CDA3"/>
    </a:accent4>
    <a:accent5>
      <a:srgbClr val="FFFF78"/>
    </a:accent5>
    <a:accent6>
      <a:srgbClr val="FF466C"/>
    </a:accent6>
    <a:hlink>
      <a:srgbClr val="0054CE"/>
    </a:hlink>
    <a:folHlink>
      <a:srgbClr val="E6CDA3"/>
    </a:folHlink>
  </a:clrScheme>
</a:themeOverride>
</file>

<file path=ppt/theme/themeOverride18.xml><?xml version="1.0" encoding="utf-8"?>
<a:themeOverride xmlns:a="http://schemas.openxmlformats.org/drawingml/2006/main">
  <a:clrScheme name="DJØF">
    <a:dk1>
      <a:srgbClr val="000000"/>
    </a:dk1>
    <a:lt1>
      <a:srgbClr val="FFFFFF"/>
    </a:lt1>
    <a:dk2>
      <a:srgbClr val="06235F"/>
    </a:dk2>
    <a:lt2>
      <a:srgbClr val="F5F5F2"/>
    </a:lt2>
    <a:accent1>
      <a:srgbClr val="0054CE"/>
    </a:accent1>
    <a:accent2>
      <a:srgbClr val="06235F"/>
    </a:accent2>
    <a:accent3>
      <a:srgbClr val="BCD0D4"/>
    </a:accent3>
    <a:accent4>
      <a:srgbClr val="E6CDA3"/>
    </a:accent4>
    <a:accent5>
      <a:srgbClr val="FFFF78"/>
    </a:accent5>
    <a:accent6>
      <a:srgbClr val="FF466C"/>
    </a:accent6>
    <a:hlink>
      <a:srgbClr val="0054CE"/>
    </a:hlink>
    <a:folHlink>
      <a:srgbClr val="E6CDA3"/>
    </a:folHlink>
  </a:clrScheme>
</a:themeOverride>
</file>

<file path=ppt/theme/themeOverride2.xml><?xml version="1.0" encoding="utf-8"?>
<a:themeOverride xmlns:a="http://schemas.openxmlformats.org/drawingml/2006/main">
  <a:clrScheme name="DJØF">
    <a:dk1>
      <a:srgbClr val="000000"/>
    </a:dk1>
    <a:lt1>
      <a:srgbClr val="FFFFFF"/>
    </a:lt1>
    <a:dk2>
      <a:srgbClr val="06235F"/>
    </a:dk2>
    <a:lt2>
      <a:srgbClr val="F5F5F2"/>
    </a:lt2>
    <a:accent1>
      <a:srgbClr val="0054CE"/>
    </a:accent1>
    <a:accent2>
      <a:srgbClr val="06235F"/>
    </a:accent2>
    <a:accent3>
      <a:srgbClr val="BCD0D4"/>
    </a:accent3>
    <a:accent4>
      <a:srgbClr val="E6CDA3"/>
    </a:accent4>
    <a:accent5>
      <a:srgbClr val="FFFF78"/>
    </a:accent5>
    <a:accent6>
      <a:srgbClr val="FF466C"/>
    </a:accent6>
    <a:hlink>
      <a:srgbClr val="0054CE"/>
    </a:hlink>
    <a:folHlink>
      <a:srgbClr val="E6CDA3"/>
    </a:folHlink>
  </a:clrScheme>
</a:themeOverride>
</file>

<file path=ppt/theme/themeOverride3.xml><?xml version="1.0" encoding="utf-8"?>
<a:themeOverride xmlns:a="http://schemas.openxmlformats.org/drawingml/2006/main">
  <a:clrScheme name="DJØF">
    <a:dk1>
      <a:srgbClr val="000000"/>
    </a:dk1>
    <a:lt1>
      <a:srgbClr val="FFFFFF"/>
    </a:lt1>
    <a:dk2>
      <a:srgbClr val="06235F"/>
    </a:dk2>
    <a:lt2>
      <a:srgbClr val="F5F5F2"/>
    </a:lt2>
    <a:accent1>
      <a:srgbClr val="0054CE"/>
    </a:accent1>
    <a:accent2>
      <a:srgbClr val="06235F"/>
    </a:accent2>
    <a:accent3>
      <a:srgbClr val="BCD0D4"/>
    </a:accent3>
    <a:accent4>
      <a:srgbClr val="E6CDA3"/>
    </a:accent4>
    <a:accent5>
      <a:srgbClr val="FFFF78"/>
    </a:accent5>
    <a:accent6>
      <a:srgbClr val="FF466C"/>
    </a:accent6>
    <a:hlink>
      <a:srgbClr val="0054CE"/>
    </a:hlink>
    <a:folHlink>
      <a:srgbClr val="E6CDA3"/>
    </a:folHlink>
  </a:clrScheme>
</a:themeOverride>
</file>

<file path=ppt/theme/themeOverride4.xml><?xml version="1.0" encoding="utf-8"?>
<a:themeOverride xmlns:a="http://schemas.openxmlformats.org/drawingml/2006/main">
  <a:clrScheme name="DJØF">
    <a:dk1>
      <a:srgbClr val="000000"/>
    </a:dk1>
    <a:lt1>
      <a:srgbClr val="FFFFFF"/>
    </a:lt1>
    <a:dk2>
      <a:srgbClr val="06235F"/>
    </a:dk2>
    <a:lt2>
      <a:srgbClr val="F5F5F2"/>
    </a:lt2>
    <a:accent1>
      <a:srgbClr val="0054CE"/>
    </a:accent1>
    <a:accent2>
      <a:srgbClr val="06235F"/>
    </a:accent2>
    <a:accent3>
      <a:srgbClr val="BCD0D4"/>
    </a:accent3>
    <a:accent4>
      <a:srgbClr val="E6CDA3"/>
    </a:accent4>
    <a:accent5>
      <a:srgbClr val="FFFF78"/>
    </a:accent5>
    <a:accent6>
      <a:srgbClr val="FF466C"/>
    </a:accent6>
    <a:hlink>
      <a:srgbClr val="0054CE"/>
    </a:hlink>
    <a:folHlink>
      <a:srgbClr val="E6CDA3"/>
    </a:folHlink>
  </a:clrScheme>
</a:themeOverride>
</file>

<file path=ppt/theme/themeOverride5.xml><?xml version="1.0" encoding="utf-8"?>
<a:themeOverride xmlns:a="http://schemas.openxmlformats.org/drawingml/2006/main">
  <a:clrScheme name="DJØF">
    <a:dk1>
      <a:srgbClr val="000000"/>
    </a:dk1>
    <a:lt1>
      <a:srgbClr val="FFFFFF"/>
    </a:lt1>
    <a:dk2>
      <a:srgbClr val="06235F"/>
    </a:dk2>
    <a:lt2>
      <a:srgbClr val="F5F5F2"/>
    </a:lt2>
    <a:accent1>
      <a:srgbClr val="0054CE"/>
    </a:accent1>
    <a:accent2>
      <a:srgbClr val="06235F"/>
    </a:accent2>
    <a:accent3>
      <a:srgbClr val="BCD0D4"/>
    </a:accent3>
    <a:accent4>
      <a:srgbClr val="E6CDA3"/>
    </a:accent4>
    <a:accent5>
      <a:srgbClr val="FFFF78"/>
    </a:accent5>
    <a:accent6>
      <a:srgbClr val="FF466C"/>
    </a:accent6>
    <a:hlink>
      <a:srgbClr val="0054CE"/>
    </a:hlink>
    <a:folHlink>
      <a:srgbClr val="E6CDA3"/>
    </a:folHlink>
  </a:clrScheme>
</a:themeOverride>
</file>

<file path=ppt/theme/themeOverride6.xml><?xml version="1.0" encoding="utf-8"?>
<a:themeOverride xmlns:a="http://schemas.openxmlformats.org/drawingml/2006/main">
  <a:clrScheme name="DJØF">
    <a:dk1>
      <a:srgbClr val="000000"/>
    </a:dk1>
    <a:lt1>
      <a:srgbClr val="FFFFFF"/>
    </a:lt1>
    <a:dk2>
      <a:srgbClr val="06235F"/>
    </a:dk2>
    <a:lt2>
      <a:srgbClr val="F5F5F2"/>
    </a:lt2>
    <a:accent1>
      <a:srgbClr val="0054CE"/>
    </a:accent1>
    <a:accent2>
      <a:srgbClr val="06235F"/>
    </a:accent2>
    <a:accent3>
      <a:srgbClr val="BCD0D4"/>
    </a:accent3>
    <a:accent4>
      <a:srgbClr val="E6CDA3"/>
    </a:accent4>
    <a:accent5>
      <a:srgbClr val="FFFF78"/>
    </a:accent5>
    <a:accent6>
      <a:srgbClr val="FF466C"/>
    </a:accent6>
    <a:hlink>
      <a:srgbClr val="0054CE"/>
    </a:hlink>
    <a:folHlink>
      <a:srgbClr val="E6CDA3"/>
    </a:folHlink>
  </a:clrScheme>
</a:themeOverride>
</file>

<file path=ppt/theme/themeOverride7.xml><?xml version="1.0" encoding="utf-8"?>
<a:themeOverride xmlns:a="http://schemas.openxmlformats.org/drawingml/2006/main">
  <a:clrScheme name="DJØF">
    <a:dk1>
      <a:srgbClr val="000000"/>
    </a:dk1>
    <a:lt1>
      <a:srgbClr val="FFFFFF"/>
    </a:lt1>
    <a:dk2>
      <a:srgbClr val="06235F"/>
    </a:dk2>
    <a:lt2>
      <a:srgbClr val="F5F5F2"/>
    </a:lt2>
    <a:accent1>
      <a:srgbClr val="0054CE"/>
    </a:accent1>
    <a:accent2>
      <a:srgbClr val="06235F"/>
    </a:accent2>
    <a:accent3>
      <a:srgbClr val="BCD0D4"/>
    </a:accent3>
    <a:accent4>
      <a:srgbClr val="E6CDA3"/>
    </a:accent4>
    <a:accent5>
      <a:srgbClr val="FFFF78"/>
    </a:accent5>
    <a:accent6>
      <a:srgbClr val="FF466C"/>
    </a:accent6>
    <a:hlink>
      <a:srgbClr val="0054CE"/>
    </a:hlink>
    <a:folHlink>
      <a:srgbClr val="E6CDA3"/>
    </a:folHlink>
  </a:clrScheme>
</a:themeOverride>
</file>

<file path=ppt/theme/themeOverride8.xml><?xml version="1.0" encoding="utf-8"?>
<a:themeOverride xmlns:a="http://schemas.openxmlformats.org/drawingml/2006/main">
  <a:clrScheme name="DJØF">
    <a:dk1>
      <a:srgbClr val="000000"/>
    </a:dk1>
    <a:lt1>
      <a:srgbClr val="FFFFFF"/>
    </a:lt1>
    <a:dk2>
      <a:srgbClr val="06235F"/>
    </a:dk2>
    <a:lt2>
      <a:srgbClr val="F5F5F2"/>
    </a:lt2>
    <a:accent1>
      <a:srgbClr val="0054CE"/>
    </a:accent1>
    <a:accent2>
      <a:srgbClr val="06235F"/>
    </a:accent2>
    <a:accent3>
      <a:srgbClr val="BCD0D4"/>
    </a:accent3>
    <a:accent4>
      <a:srgbClr val="E6CDA3"/>
    </a:accent4>
    <a:accent5>
      <a:srgbClr val="FFFF78"/>
    </a:accent5>
    <a:accent6>
      <a:srgbClr val="FF466C"/>
    </a:accent6>
    <a:hlink>
      <a:srgbClr val="0054CE"/>
    </a:hlink>
    <a:folHlink>
      <a:srgbClr val="E6CDA3"/>
    </a:folHlink>
  </a:clrScheme>
</a:themeOverride>
</file>

<file path=ppt/theme/themeOverride9.xml><?xml version="1.0" encoding="utf-8"?>
<a:themeOverride xmlns:a="http://schemas.openxmlformats.org/drawingml/2006/main">
  <a:clrScheme name="DJØF">
    <a:dk1>
      <a:srgbClr val="000000"/>
    </a:dk1>
    <a:lt1>
      <a:srgbClr val="FFFFFF"/>
    </a:lt1>
    <a:dk2>
      <a:srgbClr val="06235F"/>
    </a:dk2>
    <a:lt2>
      <a:srgbClr val="F5F5F2"/>
    </a:lt2>
    <a:accent1>
      <a:srgbClr val="0054CE"/>
    </a:accent1>
    <a:accent2>
      <a:srgbClr val="06235F"/>
    </a:accent2>
    <a:accent3>
      <a:srgbClr val="BCD0D4"/>
    </a:accent3>
    <a:accent4>
      <a:srgbClr val="E6CDA3"/>
    </a:accent4>
    <a:accent5>
      <a:srgbClr val="FFFF78"/>
    </a:accent5>
    <a:accent6>
      <a:srgbClr val="FF466C"/>
    </a:accent6>
    <a:hlink>
      <a:srgbClr val="0054CE"/>
    </a:hlink>
    <a:folHlink>
      <a:srgbClr val="E6CDA3"/>
    </a:folHlink>
  </a:clrScheme>
</a:themeOverrid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1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.xml"/></Relationships>
</file>

<file path=customXml/_rels/item1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.xml"/></Relationships>
</file>

<file path=customXml/_rels/item1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.xml"/></Relationships>
</file>

<file path=customXml/_rels/item1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.xml"/></Relationships>
</file>

<file path=customXml/_rels/item1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9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2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0.xml"/></Relationships>
</file>

<file path=customXml/_rels/item2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1.xml"/></Relationships>
</file>

<file path=customXml/_rels/item2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2.xml"/></Relationships>
</file>

<file path=customXml/_rels/item2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3.xml"/></Relationships>
</file>

<file path=customXml/_rels/item2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4.xml"/></Relationships>
</file>

<file path=customXml/_rels/item2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5.xml"/></Relationships>
</file>

<file path=customXml/_rels/item2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6.xml"/></Relationships>
</file>

<file path=customXml/_rels/item2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7.xml"/></Relationships>
</file>

<file path=customXml/_rels/item2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8.xml"/></Relationships>
</file>

<file path=customXml/_rels/item2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9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3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0.xml"/></Relationships>
</file>

<file path=customXml/_rels/item3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1.xml"/></Relationships>
</file>

<file path=customXml/_rels/item3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2.xml"/></Relationships>
</file>

<file path=customXml/_rels/item3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3.xml"/></Relationships>
</file>

<file path=customXml/_rels/item3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4.xml"/></Relationships>
</file>

<file path=customXml/_rels/item3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5.xml"/></Relationships>
</file>

<file path=customXml/_rels/item3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6.xml"/></Relationships>
</file>

<file path=customXml/_rels/item3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7.xml"/></Relationships>
</file>

<file path=customXml/_rels/item3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8.xml"/></Relationships>
</file>

<file path=customXml/_rels/item3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9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4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0.xml"/></Relationships>
</file>

<file path=customXml/_rels/item4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1.xml"/></Relationships>
</file>

<file path=customXml/_rels/item4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2.xml"/></Relationships>
</file>

<file path=customXml/_rels/item4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3.xml"/></Relationships>
</file>

<file path=customXml/_rels/item4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4.xml"/></Relationships>
</file>

<file path=customXml/_rels/item4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5.xml"/></Relationships>
</file>

<file path=customXml/_rels/item4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6.xml"/></Relationships>
</file>

<file path=customXml/_rels/item4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7.xml"/></Relationships>
</file>

<file path=customXml/_rels/item4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8.xml"/></Relationships>
</file>

<file path=customXml/_rels/item4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9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5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0.xml"/></Relationships>
</file>

<file path=customXml/_rels/item5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1.xml"/></Relationships>
</file>

<file path=customXml/_rels/item5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2.xml"/></Relationships>
</file>

<file path=customXml/_rels/item5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3.xml"/></Relationships>
</file>

<file path=customXml/_rels/item5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4.xml"/></Relationships>
</file>

<file path=customXml/_rels/item5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5.xml"/></Relationships>
</file>

<file path=customXml/_rels/item5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6.xml"/></Relationships>
</file>

<file path=customXml/_rels/item5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7.xml"/></Relationships>
</file>

<file path=customXml/_rels/item5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8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FormConfiguration><![CDATA[{"formFields":[],"formDataEntries":[]}]]></TemplafySlideFormConfiguration>
</file>

<file path=customXml/item10.xml><?xml version="1.0" encoding="utf-8"?>
<TemplafySlideFormConfiguration><![CDATA[{"formFields":[],"formDataEntries":[]}]]></TemplafySlideFormConfiguration>
</file>

<file path=customXml/item11.xml><?xml version="1.0" encoding="utf-8"?>
<TemplafySlideTemplateConfiguration><![CDATA[{"slideVersion":1,"isValidatorEnabled":false,"isLocked":false,"elementsMetadata":[],"slideId":"638325207396497762","enableDocumentContentUpdater":false,"version":"2.0"}]]></TemplafySlideTemplateConfiguration>
</file>

<file path=customXml/item12.xml><?xml version="1.0" encoding="utf-8"?>
<TemplafySlideFormConfiguration><![CDATA[{"formFields":[],"formDataEntries":[]}]]></TemplafySlideFormConfiguration>
</file>

<file path=customXml/item13.xml><?xml version="1.0" encoding="utf-8"?>
<TemplafySlideTemplateConfiguration><![CDATA[{"slideVersion":1,"isValidatorEnabled":false,"isLocked":false,"elementsMetadata":[],"slideId":"638325207396497762","enableDocumentContentUpdater":false,"version":"2.0"}]]></TemplafySlideTemplateConfiguration>
</file>

<file path=customXml/item14.xml><?xml version="1.0" encoding="utf-8"?>
<TemplafySlideTemplateConfiguration><![CDATA[{"slideVersion":1,"isValidatorEnabled":false,"isLocked":false,"elementsMetadata":[],"slideId":"638325207396497762","enableDocumentContentUpdater":false,"version":"2.0"}]]></TemplafySlideTemplateConfiguration>
</file>

<file path=customXml/item15.xml><?xml version="1.0" encoding="utf-8"?>
<TemplafyTemplateConfiguration><![CDATA[{"elementsMetadata":[],"transformationConfigurations":[],"templateName":"Djøf præsentation DK","templateDescription":"","enableDocumentContentUpdater":false,"version":"2.0"}]]></TemplafyTemplateConfiguration>
</file>

<file path=customXml/item16.xml><?xml version="1.0" encoding="utf-8"?>
<TemplafySlideFormConfiguration><![CDATA[{"formFields":[],"formDataEntries":[]}]]></TemplafySlideFormConfiguration>
</file>

<file path=customXml/item17.xml><?xml version="1.0" encoding="utf-8"?>
<TemplafySlideFormConfiguration><![CDATA[{"formFields":[],"formDataEntries":[]}]]></TemplafySlideFormConfiguration>
</file>

<file path=customXml/item18.xml><?xml version="1.0" encoding="utf-8"?>
<TemplafySlideTemplateConfiguration><![CDATA[{"slideVersion":1,"isValidatorEnabled":false,"isLocked":false,"elementsMetadata":[],"slideId":"638325207396497762","enableDocumentContentUpdater":false,"version":"2.0"}]]></TemplafySlideTemplateConfiguration>
</file>

<file path=customXml/item19.xml><?xml version="1.0" encoding="utf-8"?>
<TemplafySlideTemplateConfiguration><![CDATA[{"slideVersion":1,"isValidatorEnabled":false,"isLocked":false,"elementsMetadata":[],"slideId":"638325207396497762","enableDocumentContentUpdater":false,"version":"2.0"}]]></TemplafySlideTemplateConfiguration>
</file>

<file path=customXml/item2.xml><?xml version="1.0" encoding="utf-8"?>
<TemplafySlideFormConfiguration><![CDATA[{"formFields":[],"formDataEntries":[]}]]></TemplafySlideFormConfiguration>
</file>

<file path=customXml/item20.xml><?xml version="1.0" encoding="utf-8"?>
<TemplafySlideTemplateConfiguration><![CDATA[{"slideVersion":1,"isValidatorEnabled":false,"isLocked":false,"elementsMetadata":[],"slideId":"638325207396497762","enableDocumentContentUpdater":false,"version":"2.0"}]]></TemplafySlideTemplateConfiguration>
</file>

<file path=customXml/item21.xml><?xml version="1.0" encoding="utf-8"?>
<TemplafySlideTemplateConfiguration><![CDATA[{"slideVersion":1,"isValidatorEnabled":false,"isLocked":false,"elementsMetadata":[],"slideId":"638325207396497762","enableDocumentContentUpdater":false,"version":"2.0"}]]></TemplafySlideTemplateConfiguration>
</file>

<file path=customXml/item22.xml><?xml version="1.0" encoding="utf-8"?>
<TemplafySlideFormConfiguration><![CDATA[{"formFields":[],"formDataEntries":[]}]]></TemplafySlideFormConfiguration>
</file>

<file path=customXml/item23.xml><?xml version="1.0" encoding="utf-8"?>
<TemplafySlideTemplateConfiguration><![CDATA[{"slideVersion":1,"isValidatorEnabled":false,"isLocked":false,"elementsMetadata":[],"slideId":"638325207396497762","enableDocumentContentUpdater":false,"version":"2.0"}]]></TemplafySlideTemplateConfiguration>
</file>

<file path=customXml/item24.xml><?xml version="1.0" encoding="utf-8"?>
<TemplafySlideTemplateConfiguration><![CDATA[{"slideVersion":1,"isValidatorEnabled":false,"isLocked":false,"elementsMetadata":[],"slideId":"638325207396497762","enableDocumentContentUpdater":false,"version":"2.0"}]]></TemplafySlideTemplateConfiguration>
</file>

<file path=customXml/item25.xml><?xml version="1.0" encoding="utf-8"?>
<TemplafySlideTemplateConfiguration><![CDATA[{"slideVersion":1,"isValidatorEnabled":false,"isLocked":false,"elementsMetadata":[],"slideId":"638325207396497762","enableDocumentContentUpdater":false,"version":"2.0"}]]></TemplafySlideTemplateConfiguration>
</file>

<file path=customXml/item26.xml><?xml version="1.0" encoding="utf-8"?>
<TemplafySlideFormConfiguration><![CDATA[{"formFields":[],"formDataEntries":[]}]]></TemplafySlideFormConfiguration>
</file>

<file path=customXml/item27.xml><?xml version="1.0" encoding="utf-8"?>
<TemplafySlideTemplateConfiguration><![CDATA[{"slideVersion":1,"isValidatorEnabled":false,"isLocked":false,"elementsMetadata":[],"slideId":"638325207396497762","enableDocumentContentUpdater":false,"version":"2.0"}]]></TemplafySlideTemplateConfiguration>
</file>

<file path=customXml/item28.xml><?xml version="1.0" encoding="utf-8"?>
<TemplafySlideFormConfiguration><![CDATA[{"formFields":[],"formDataEntries":[]}]]></TemplafySlideFormConfiguration>
</file>

<file path=customXml/item29.xml><?xml version="1.0" encoding="utf-8"?>
<TemplafySlideFormConfiguration><![CDATA[{"formFields":[],"formDataEntries":[]}]]></TemplafySlideFormConfiguration>
</file>

<file path=customXml/item3.xml><?xml version="1.0" encoding="utf-8"?>
<TemplafySlideTemplateConfiguration><![CDATA[{"slideVersion":1,"isValidatorEnabled":false,"isLocked":false,"elementsMetadata":[],"slideId":"638325207396497762","enableDocumentContentUpdater":false,"version":"2.0"}]]></TemplafySlideTemplateConfiguration>
</file>

<file path=customXml/item30.xml><?xml version="1.0" encoding="utf-8"?>
<TemplafySlideFormConfiguration><![CDATA[{"formFields":[],"formDataEntries":[]}]]></TemplafySlideFormConfiguration>
</file>

<file path=customXml/item31.xml><?xml version="1.0" encoding="utf-8"?>
<TemplafySlideTemplateConfiguration><![CDATA[{"slideVersion":1,"isValidatorEnabled":false,"isLocked":false,"elementsMetadata":[],"slideId":"638325207396497762","enableDocumentContentUpdater":false,"version":"2.0"}]]></TemplafySlideTemplateConfiguration>
</file>

<file path=customXml/item32.xml><?xml version="1.0" encoding="utf-8"?>
<TemplafySlideTemplateConfiguration><![CDATA[{"slideVersion":1,"isValidatorEnabled":false,"isLocked":false,"elementsMetadata":[],"slideId":"638325207396497762","enableDocumentContentUpdater":false,"version":"2.0"}]]></TemplafySlideTemplateConfiguration>
</file>

<file path=customXml/item33.xml><?xml version="1.0" encoding="utf-8"?>
<TemplafySlideTemplateConfiguration><![CDATA[{"slideVersion":1,"isValidatorEnabled":false,"isLocked":false,"elementsMetadata":[],"slideId":"638325207396497762","enableDocumentContentUpdater":false,"version":"2.0"}]]></TemplafySlideTemplateConfiguration>
</file>

<file path=customXml/item34.xml><?xml version="1.0" encoding="utf-8"?>
<TemplafySlideFormConfiguration><![CDATA[{"formFields":[],"formDataEntries":[]}]]></TemplafySlideFormConfiguration>
</file>

<file path=customXml/item35.xml><?xml version="1.0" encoding="utf-8"?>
<TemplafySlideFormConfiguration><![CDATA[{"formFields":[],"formDataEntries":[]}]]></TemplafySlideFormConfiguration>
</file>

<file path=customXml/item36.xml><?xml version="1.0" encoding="utf-8"?>
<TemplafySlideFormConfiguration><![CDATA[{"formFields":[],"formDataEntries":[]}]]></TemplafySlideFormConfiguration>
</file>

<file path=customXml/item37.xml><?xml version="1.0" encoding="utf-8"?>
<TemplafySlideTemplateConfiguration><![CDATA[{"slideVersion":1,"isValidatorEnabled":false,"isLocked":false,"elementsMetadata":[],"slideId":"638325207396497762","enableDocumentContentUpdater":false,"version":"2.0"}]]></TemplafySlideTemplateConfiguration>
</file>

<file path=customXml/item38.xml><?xml version="1.0" encoding="utf-8"?>
<TemplafySlideFormConfiguration><![CDATA[{"formFields":[],"formDataEntries":[]}]]></TemplafySlideFormConfiguration>
</file>

<file path=customXml/item39.xml><?xml version="1.0" encoding="utf-8"?>
<TemplafySlideFormConfiguration><![CDATA[{"formFields":[],"formDataEntries":[]}]]></TemplafySlideFormConfiguration>
</file>

<file path=customXml/item4.xml><?xml version="1.0" encoding="utf-8"?>
<TemplafySlideTemplateConfiguration><![CDATA[{"slideVersion":1,"isValidatorEnabled":false,"isLocked":false,"elementsMetadata":[],"slideId":"638325207396497762","enableDocumentContentUpdater":false,"version":"2.0"}]]></TemplafySlideTemplateConfiguration>
</file>

<file path=customXml/item40.xml><?xml version="1.0" encoding="utf-8"?>
<TemplafySlideTemplateConfiguration><![CDATA[{"slideVersion":1,"isValidatorEnabled":false,"isLocked":false,"elementsMetadata":[],"slideId":"638325207396497762","enableDocumentContentUpdater":false,"version":"2.0"}]]></TemplafySlideTemplateConfiguration>
</file>

<file path=customXml/item41.xml><?xml version="1.0" encoding="utf-8"?>
<TemplafySlideFormConfiguration><![CDATA[{"formFields":[],"formDataEntries":[]}]]></TemplafySlideFormConfiguration>
</file>

<file path=customXml/item42.xml><?xml version="1.0" encoding="utf-8"?>
<TemplafySlideFormConfiguration><![CDATA[{"formFields":[],"formDataEntries":[]}]]></TemplafySlideFormConfiguration>
</file>

<file path=customXml/item43.xml><?xml version="1.0" encoding="utf-8"?>
<TemplafySlideTemplateConfiguration><![CDATA[{"slideVersion":1,"isValidatorEnabled":false,"isLocked":false,"elementsMetadata":[],"slideId":"638325207396497762","enableDocumentContentUpdater":false,"version":"2.0"}]]></TemplafySlideTemplateConfiguration>
</file>

<file path=customXml/item44.xml><?xml version="1.0" encoding="utf-8"?>
<TemplafySlideTemplateConfiguration><![CDATA[{"slideVersion":1,"isValidatorEnabled":false,"isLocked":false,"elementsMetadata":[],"slideId":"638325207396497762","enableDocumentContentUpdater":false,"version":"2.0"}]]></TemplafySlideTemplateConfiguration>
</file>

<file path=customXml/item45.xml><?xml version="1.0" encoding="utf-8"?>
<TemplafySlideFormConfiguration><![CDATA[{"formFields":[],"formDataEntries":[]}]]></TemplafySlideFormConfiguration>
</file>

<file path=customXml/item46.xml><?xml version="1.0" encoding="utf-8"?>
<TemplafySlideTemplateConfiguration><![CDATA[{"slideVersion":1,"isValidatorEnabled":false,"isLocked":false,"elementsMetadata":[],"slideId":"638325207396497762","enableDocumentContentUpdater":false,"version":"2.0"}]]></TemplafySlideTemplateConfiguration>
</file>

<file path=customXml/item47.xml><?xml version="1.0" encoding="utf-8"?>
<TemplafySlideTemplateConfiguration><![CDATA[{"slideVersion":1,"isValidatorEnabled":false,"isLocked":false,"elementsMetadata":[],"slideId":"638325207396497762","enableDocumentContentUpdater":false,"version":"2.0"}]]></TemplafySlideTemplateConfiguration>
</file>

<file path=customXml/item48.xml><?xml version="1.0" encoding="utf-8"?>
<TemplafySlideTemplateConfiguration><![CDATA[{"slideVersion":1,"isValidatorEnabled":false,"isLocked":false,"elementsMetadata":[],"slideId":"638325207396497762","enableDocumentContentUpdater":false,"version":"2.0"}]]></TemplafySlideTemplateConfiguration>
</file>

<file path=customXml/item49.xml><?xml version="1.0" encoding="utf-8"?>
<TemplafySlideFormConfiguration><![CDATA[{"formFields":[],"formDataEntries":[]}]]></TemplafySlideFormConfiguration>
</file>

<file path=customXml/item5.xml><?xml version="1.0" encoding="utf-8"?>
<TemplafySlideFormConfiguration><![CDATA[{"formFields":[],"formDataEntries":[]}]]></TemplafySlideFormConfiguration>
</file>

<file path=customXml/item50.xml><?xml version="1.0" encoding="utf-8"?>
<TemplafySlideTemplateConfiguration><![CDATA[{"slideVersion":1,"isValidatorEnabled":false,"isLocked":false,"elementsMetadata":[],"slideId":"638325207396497762","enableDocumentContentUpdater":false,"version":"2.0"}]]></TemplafySlideTemplateConfiguration>
</file>

<file path=customXml/item51.xml><?xml version="1.0" encoding="utf-8"?>
<TemplafySlideTemplateConfiguration><![CDATA[{"slideVersion":1,"isValidatorEnabled":false,"isLocked":false,"elementsMetadata":[],"slideId":"638325207396497762","enableDocumentContentUpdater":false,"version":"2.0"}]]></TemplafySlideTemplateConfiguration>
</file>

<file path=customXml/item52.xml><?xml version="1.0" encoding="utf-8"?>
<TemplafySlideFormConfiguration><![CDATA[{"formFields":[],"formDataEntries":[]}]]></TemplafySlideFormConfiguration>
</file>

<file path=customXml/item53.xml><?xml version="1.0" encoding="utf-8"?>
<TemplafySlideTemplateConfiguration><![CDATA[{"slideVersion":1,"isValidatorEnabled":false,"isLocked":false,"elementsMetadata":[],"slideId":"638325207396497762","enableDocumentContentUpdater":false,"version":"2.0"}]]></TemplafySlideTemplateConfiguration>
</file>

<file path=customXml/item54.xml><?xml version="1.0" encoding="utf-8"?>
<TemplafySlideFormConfiguration><![CDATA[{"formFields":[],"formDataEntries":[]}]]></TemplafySlideFormConfiguration>
</file>

<file path=customXml/item55.xml><?xml version="1.0" encoding="utf-8"?>
<TemplafySlideFormConfiguration><![CDATA[{"formFields":[],"formDataEntries":[]}]]></TemplafySlideFormConfiguration>
</file>

<file path=customXml/item56.xml><?xml version="1.0" encoding="utf-8"?>
<TemplafySlideFormConfiguration><![CDATA[{"formFields":[],"formDataEntries":[]}]]></TemplafySlideFormConfiguration>
</file>

<file path=customXml/item57.xml><?xml version="1.0" encoding="utf-8"?>
<TemplafySlideFormConfiguration><![CDATA[{"formFields":[],"formDataEntries":[]}]]></TemplafySlideFormConfiguration>
</file>

<file path=customXml/item58.xml><?xml version="1.0" encoding="utf-8"?>
<TemplafySlideFormConfiguration><![CDATA[{"formFields":[],"formDataEntries":[]}]]></TemplafySlideFormConfiguration>
</file>

<file path=customXml/item6.xml><?xml version="1.0" encoding="utf-8"?>
<TemplafyFormConfiguration><![CDATA[{"formFields":[],"formDataEntries":[]}]]></TemplafyFormConfiguration>
</file>

<file path=customXml/item7.xml><?xml version="1.0" encoding="utf-8"?>
<TemplafySlideTemplateConfiguration><![CDATA[{"slideVersion":1,"isValidatorEnabled":false,"isLocked":false,"elementsMetadata":[],"slideId":"638325207396497762","enableDocumentContentUpdater":false,"version":"2.0"}]]></TemplafySlideTemplateConfiguration>
</file>

<file path=customXml/item8.xml><?xml version="1.0" encoding="utf-8"?>
<TemplafySlideTemplateConfiguration><![CDATA[{"slideVersion":1,"isValidatorEnabled":false,"isLocked":false,"elementsMetadata":[],"slideId":"638325207396497762","enableDocumentContentUpdater":false,"version":"2.0"}]]></TemplafySlideTemplateConfiguration>
</file>

<file path=customXml/item9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92E4D70D-AE41-42FE-A162-A38A3703A7D6}">
  <ds:schemaRefs/>
</ds:datastoreItem>
</file>

<file path=customXml/itemProps10.xml><?xml version="1.0" encoding="utf-8"?>
<ds:datastoreItem xmlns:ds="http://schemas.openxmlformats.org/officeDocument/2006/customXml" ds:itemID="{E90737AF-8828-48E5-B502-C975BE24219B}">
  <ds:schemaRefs/>
</ds:datastoreItem>
</file>

<file path=customXml/itemProps11.xml><?xml version="1.0" encoding="utf-8"?>
<ds:datastoreItem xmlns:ds="http://schemas.openxmlformats.org/officeDocument/2006/customXml" ds:itemID="{0319ECCC-5FE3-47B5-BD01-2BEC4944BD67}">
  <ds:schemaRefs/>
</ds:datastoreItem>
</file>

<file path=customXml/itemProps12.xml><?xml version="1.0" encoding="utf-8"?>
<ds:datastoreItem xmlns:ds="http://schemas.openxmlformats.org/officeDocument/2006/customXml" ds:itemID="{0509A9EF-452A-496C-91CE-997120E64645}">
  <ds:schemaRefs/>
</ds:datastoreItem>
</file>

<file path=customXml/itemProps13.xml><?xml version="1.0" encoding="utf-8"?>
<ds:datastoreItem xmlns:ds="http://schemas.openxmlformats.org/officeDocument/2006/customXml" ds:itemID="{99AE767B-14DD-42B2-9D62-F53D4D8BE980}">
  <ds:schemaRefs/>
</ds:datastoreItem>
</file>

<file path=customXml/itemProps14.xml><?xml version="1.0" encoding="utf-8"?>
<ds:datastoreItem xmlns:ds="http://schemas.openxmlformats.org/officeDocument/2006/customXml" ds:itemID="{25DA353F-E808-48EF-A582-F515E016164E}">
  <ds:schemaRefs/>
</ds:datastoreItem>
</file>

<file path=customXml/itemProps15.xml><?xml version="1.0" encoding="utf-8"?>
<ds:datastoreItem xmlns:ds="http://schemas.openxmlformats.org/officeDocument/2006/customXml" ds:itemID="{9B95FF7A-7514-4090-BC63-FB709AA0CB1B}">
  <ds:schemaRefs/>
</ds:datastoreItem>
</file>

<file path=customXml/itemProps16.xml><?xml version="1.0" encoding="utf-8"?>
<ds:datastoreItem xmlns:ds="http://schemas.openxmlformats.org/officeDocument/2006/customXml" ds:itemID="{B455F312-EE16-47E1-8C94-E12A5459C942}">
  <ds:schemaRefs/>
</ds:datastoreItem>
</file>

<file path=customXml/itemProps17.xml><?xml version="1.0" encoding="utf-8"?>
<ds:datastoreItem xmlns:ds="http://schemas.openxmlformats.org/officeDocument/2006/customXml" ds:itemID="{7048952E-9A6B-4390-9046-25E2F6E4E8CF}">
  <ds:schemaRefs/>
</ds:datastoreItem>
</file>

<file path=customXml/itemProps18.xml><?xml version="1.0" encoding="utf-8"?>
<ds:datastoreItem xmlns:ds="http://schemas.openxmlformats.org/officeDocument/2006/customXml" ds:itemID="{9F033353-9FE2-475A-A584-2BB515D96808}">
  <ds:schemaRefs/>
</ds:datastoreItem>
</file>

<file path=customXml/itemProps19.xml><?xml version="1.0" encoding="utf-8"?>
<ds:datastoreItem xmlns:ds="http://schemas.openxmlformats.org/officeDocument/2006/customXml" ds:itemID="{AD25AC65-FD3E-4418-A11F-20368BE89A47}">
  <ds:schemaRefs/>
</ds:datastoreItem>
</file>

<file path=customXml/itemProps2.xml><?xml version="1.0" encoding="utf-8"?>
<ds:datastoreItem xmlns:ds="http://schemas.openxmlformats.org/officeDocument/2006/customXml" ds:itemID="{2A9CA068-EBC8-4F85-AD42-BCF23EDDF654}">
  <ds:schemaRefs/>
</ds:datastoreItem>
</file>

<file path=customXml/itemProps20.xml><?xml version="1.0" encoding="utf-8"?>
<ds:datastoreItem xmlns:ds="http://schemas.openxmlformats.org/officeDocument/2006/customXml" ds:itemID="{24094D8D-F5E5-490F-9783-5FDDCE7A7D63}">
  <ds:schemaRefs/>
</ds:datastoreItem>
</file>

<file path=customXml/itemProps21.xml><?xml version="1.0" encoding="utf-8"?>
<ds:datastoreItem xmlns:ds="http://schemas.openxmlformats.org/officeDocument/2006/customXml" ds:itemID="{E0B71494-AB16-4782-8259-BE3CA4DA608A}">
  <ds:schemaRefs/>
</ds:datastoreItem>
</file>

<file path=customXml/itemProps22.xml><?xml version="1.0" encoding="utf-8"?>
<ds:datastoreItem xmlns:ds="http://schemas.openxmlformats.org/officeDocument/2006/customXml" ds:itemID="{EA6ABAA8-8C32-49DD-9745-D7F61C19CB2A}">
  <ds:schemaRefs/>
</ds:datastoreItem>
</file>

<file path=customXml/itemProps23.xml><?xml version="1.0" encoding="utf-8"?>
<ds:datastoreItem xmlns:ds="http://schemas.openxmlformats.org/officeDocument/2006/customXml" ds:itemID="{B54905B8-2269-4736-BF05-51B24785BFA7}">
  <ds:schemaRefs/>
</ds:datastoreItem>
</file>

<file path=customXml/itemProps24.xml><?xml version="1.0" encoding="utf-8"?>
<ds:datastoreItem xmlns:ds="http://schemas.openxmlformats.org/officeDocument/2006/customXml" ds:itemID="{11682DD4-EF2A-44FD-8FA3-A974CEE4AAE7}">
  <ds:schemaRefs/>
</ds:datastoreItem>
</file>

<file path=customXml/itemProps25.xml><?xml version="1.0" encoding="utf-8"?>
<ds:datastoreItem xmlns:ds="http://schemas.openxmlformats.org/officeDocument/2006/customXml" ds:itemID="{CDBE570C-2193-42A5-AC77-D18E334DE8B3}">
  <ds:schemaRefs/>
</ds:datastoreItem>
</file>

<file path=customXml/itemProps26.xml><?xml version="1.0" encoding="utf-8"?>
<ds:datastoreItem xmlns:ds="http://schemas.openxmlformats.org/officeDocument/2006/customXml" ds:itemID="{F1123EC6-B632-49CA-AFCE-0629164B35E7}">
  <ds:schemaRefs/>
</ds:datastoreItem>
</file>

<file path=customXml/itemProps27.xml><?xml version="1.0" encoding="utf-8"?>
<ds:datastoreItem xmlns:ds="http://schemas.openxmlformats.org/officeDocument/2006/customXml" ds:itemID="{1A20416F-3CF6-4F5B-8991-21AAD9FD9D3C}">
  <ds:schemaRefs/>
</ds:datastoreItem>
</file>

<file path=customXml/itemProps28.xml><?xml version="1.0" encoding="utf-8"?>
<ds:datastoreItem xmlns:ds="http://schemas.openxmlformats.org/officeDocument/2006/customXml" ds:itemID="{0923712B-5408-4356-B4AB-834B5760650F}">
  <ds:schemaRefs/>
</ds:datastoreItem>
</file>

<file path=customXml/itemProps29.xml><?xml version="1.0" encoding="utf-8"?>
<ds:datastoreItem xmlns:ds="http://schemas.openxmlformats.org/officeDocument/2006/customXml" ds:itemID="{CF86D339-4DCC-46AD-BE80-715C5E5B9794}">
  <ds:schemaRefs/>
</ds:datastoreItem>
</file>

<file path=customXml/itemProps3.xml><?xml version="1.0" encoding="utf-8"?>
<ds:datastoreItem xmlns:ds="http://schemas.openxmlformats.org/officeDocument/2006/customXml" ds:itemID="{08A73D34-9D16-429C-ADD8-36C9155765DD}">
  <ds:schemaRefs/>
</ds:datastoreItem>
</file>

<file path=customXml/itemProps30.xml><?xml version="1.0" encoding="utf-8"?>
<ds:datastoreItem xmlns:ds="http://schemas.openxmlformats.org/officeDocument/2006/customXml" ds:itemID="{B8DC9C59-66C7-4A39-9E5D-36661F2B32C0}">
  <ds:schemaRefs/>
</ds:datastoreItem>
</file>

<file path=customXml/itemProps31.xml><?xml version="1.0" encoding="utf-8"?>
<ds:datastoreItem xmlns:ds="http://schemas.openxmlformats.org/officeDocument/2006/customXml" ds:itemID="{B8390B92-BE19-4C39-9D24-63C4F7AD6F8E}">
  <ds:schemaRefs/>
</ds:datastoreItem>
</file>

<file path=customXml/itemProps32.xml><?xml version="1.0" encoding="utf-8"?>
<ds:datastoreItem xmlns:ds="http://schemas.openxmlformats.org/officeDocument/2006/customXml" ds:itemID="{10A9859B-0889-41E4-9707-A9A71DCB78D0}">
  <ds:schemaRefs/>
</ds:datastoreItem>
</file>

<file path=customXml/itemProps33.xml><?xml version="1.0" encoding="utf-8"?>
<ds:datastoreItem xmlns:ds="http://schemas.openxmlformats.org/officeDocument/2006/customXml" ds:itemID="{F78EA0B4-13D6-405D-90C4-75E2EAFE6083}">
  <ds:schemaRefs/>
</ds:datastoreItem>
</file>

<file path=customXml/itemProps34.xml><?xml version="1.0" encoding="utf-8"?>
<ds:datastoreItem xmlns:ds="http://schemas.openxmlformats.org/officeDocument/2006/customXml" ds:itemID="{52AD7D49-BDBA-408E-8CC9-6A46816AD4F7}">
  <ds:schemaRefs/>
</ds:datastoreItem>
</file>

<file path=customXml/itemProps35.xml><?xml version="1.0" encoding="utf-8"?>
<ds:datastoreItem xmlns:ds="http://schemas.openxmlformats.org/officeDocument/2006/customXml" ds:itemID="{67FC3FA1-ED8D-4642-B5E3-AD0B63EEC669}">
  <ds:schemaRefs/>
</ds:datastoreItem>
</file>

<file path=customXml/itemProps36.xml><?xml version="1.0" encoding="utf-8"?>
<ds:datastoreItem xmlns:ds="http://schemas.openxmlformats.org/officeDocument/2006/customXml" ds:itemID="{50963ED1-0F10-4067-BDE8-3808B5F5FBE6}">
  <ds:schemaRefs/>
</ds:datastoreItem>
</file>

<file path=customXml/itemProps37.xml><?xml version="1.0" encoding="utf-8"?>
<ds:datastoreItem xmlns:ds="http://schemas.openxmlformats.org/officeDocument/2006/customXml" ds:itemID="{40CD0568-EF23-498F-81B7-FABDF6FE049E}">
  <ds:schemaRefs/>
</ds:datastoreItem>
</file>

<file path=customXml/itemProps38.xml><?xml version="1.0" encoding="utf-8"?>
<ds:datastoreItem xmlns:ds="http://schemas.openxmlformats.org/officeDocument/2006/customXml" ds:itemID="{F74F6F7E-5B4C-4A22-8B7D-1B0E82B45789}">
  <ds:schemaRefs/>
</ds:datastoreItem>
</file>

<file path=customXml/itemProps39.xml><?xml version="1.0" encoding="utf-8"?>
<ds:datastoreItem xmlns:ds="http://schemas.openxmlformats.org/officeDocument/2006/customXml" ds:itemID="{334F7031-6D71-451D-9582-8B497B928AE4}">
  <ds:schemaRefs/>
</ds:datastoreItem>
</file>

<file path=customXml/itemProps4.xml><?xml version="1.0" encoding="utf-8"?>
<ds:datastoreItem xmlns:ds="http://schemas.openxmlformats.org/officeDocument/2006/customXml" ds:itemID="{D1C64684-478B-47D3-9DC5-2EAC51E51F4A}">
  <ds:schemaRefs/>
</ds:datastoreItem>
</file>

<file path=customXml/itemProps40.xml><?xml version="1.0" encoding="utf-8"?>
<ds:datastoreItem xmlns:ds="http://schemas.openxmlformats.org/officeDocument/2006/customXml" ds:itemID="{1C076556-2C61-45CB-8A43-EBDA2C33A388}">
  <ds:schemaRefs/>
</ds:datastoreItem>
</file>

<file path=customXml/itemProps41.xml><?xml version="1.0" encoding="utf-8"?>
<ds:datastoreItem xmlns:ds="http://schemas.openxmlformats.org/officeDocument/2006/customXml" ds:itemID="{133BD883-33FC-4099-A345-EC0814DEBD6E}">
  <ds:schemaRefs/>
</ds:datastoreItem>
</file>

<file path=customXml/itemProps42.xml><?xml version="1.0" encoding="utf-8"?>
<ds:datastoreItem xmlns:ds="http://schemas.openxmlformats.org/officeDocument/2006/customXml" ds:itemID="{BE6E5197-B518-4755-980E-C86928F12EFF}">
  <ds:schemaRefs/>
</ds:datastoreItem>
</file>

<file path=customXml/itemProps43.xml><?xml version="1.0" encoding="utf-8"?>
<ds:datastoreItem xmlns:ds="http://schemas.openxmlformats.org/officeDocument/2006/customXml" ds:itemID="{17C63FC1-FAC8-44E7-BB4C-79B367393433}">
  <ds:schemaRefs/>
</ds:datastoreItem>
</file>

<file path=customXml/itemProps44.xml><?xml version="1.0" encoding="utf-8"?>
<ds:datastoreItem xmlns:ds="http://schemas.openxmlformats.org/officeDocument/2006/customXml" ds:itemID="{EDCA8EDB-911D-4E80-963F-EDF4F16FB27B}">
  <ds:schemaRefs/>
</ds:datastoreItem>
</file>

<file path=customXml/itemProps45.xml><?xml version="1.0" encoding="utf-8"?>
<ds:datastoreItem xmlns:ds="http://schemas.openxmlformats.org/officeDocument/2006/customXml" ds:itemID="{3E339E17-94B2-4637-9FC2-B2EA2CC8C184}">
  <ds:schemaRefs/>
</ds:datastoreItem>
</file>

<file path=customXml/itemProps46.xml><?xml version="1.0" encoding="utf-8"?>
<ds:datastoreItem xmlns:ds="http://schemas.openxmlformats.org/officeDocument/2006/customXml" ds:itemID="{46F2128E-A3FE-49F2-8257-11FBE871A8AE}">
  <ds:schemaRefs/>
</ds:datastoreItem>
</file>

<file path=customXml/itemProps47.xml><?xml version="1.0" encoding="utf-8"?>
<ds:datastoreItem xmlns:ds="http://schemas.openxmlformats.org/officeDocument/2006/customXml" ds:itemID="{77632AAE-F158-4152-A5AA-E972B840AF71}">
  <ds:schemaRefs/>
</ds:datastoreItem>
</file>

<file path=customXml/itemProps48.xml><?xml version="1.0" encoding="utf-8"?>
<ds:datastoreItem xmlns:ds="http://schemas.openxmlformats.org/officeDocument/2006/customXml" ds:itemID="{04F3C5CD-2ACF-4B26-847B-DEB7D27F35C3}">
  <ds:schemaRefs/>
</ds:datastoreItem>
</file>

<file path=customXml/itemProps49.xml><?xml version="1.0" encoding="utf-8"?>
<ds:datastoreItem xmlns:ds="http://schemas.openxmlformats.org/officeDocument/2006/customXml" ds:itemID="{9136F22D-7DA6-4FF8-A8BB-EDFAF1BDCDFB}">
  <ds:schemaRefs/>
</ds:datastoreItem>
</file>

<file path=customXml/itemProps5.xml><?xml version="1.0" encoding="utf-8"?>
<ds:datastoreItem xmlns:ds="http://schemas.openxmlformats.org/officeDocument/2006/customXml" ds:itemID="{223FED24-311A-4D68-9262-0902C81E231F}">
  <ds:schemaRefs/>
</ds:datastoreItem>
</file>

<file path=customXml/itemProps50.xml><?xml version="1.0" encoding="utf-8"?>
<ds:datastoreItem xmlns:ds="http://schemas.openxmlformats.org/officeDocument/2006/customXml" ds:itemID="{7FD4283E-34EF-4BB2-B775-C4DE69FF01B1}">
  <ds:schemaRefs/>
</ds:datastoreItem>
</file>

<file path=customXml/itemProps51.xml><?xml version="1.0" encoding="utf-8"?>
<ds:datastoreItem xmlns:ds="http://schemas.openxmlformats.org/officeDocument/2006/customXml" ds:itemID="{D6C7F75C-9E5C-48ED-BC5A-429E471336F8}">
  <ds:schemaRefs/>
</ds:datastoreItem>
</file>

<file path=customXml/itemProps52.xml><?xml version="1.0" encoding="utf-8"?>
<ds:datastoreItem xmlns:ds="http://schemas.openxmlformats.org/officeDocument/2006/customXml" ds:itemID="{A9E0059C-606C-48FC-8D19-5842CBDE97D4}">
  <ds:schemaRefs/>
</ds:datastoreItem>
</file>

<file path=customXml/itemProps53.xml><?xml version="1.0" encoding="utf-8"?>
<ds:datastoreItem xmlns:ds="http://schemas.openxmlformats.org/officeDocument/2006/customXml" ds:itemID="{1FB7DC4C-BF0A-4709-A822-CF08DB6CC534}">
  <ds:schemaRefs/>
</ds:datastoreItem>
</file>

<file path=customXml/itemProps54.xml><?xml version="1.0" encoding="utf-8"?>
<ds:datastoreItem xmlns:ds="http://schemas.openxmlformats.org/officeDocument/2006/customXml" ds:itemID="{7E950393-691D-46DB-B814-5A9AF1126854}">
  <ds:schemaRefs/>
</ds:datastoreItem>
</file>

<file path=customXml/itemProps55.xml><?xml version="1.0" encoding="utf-8"?>
<ds:datastoreItem xmlns:ds="http://schemas.openxmlformats.org/officeDocument/2006/customXml" ds:itemID="{5EDF03A4-4927-46EA-9C52-35DB1540027C}">
  <ds:schemaRefs/>
</ds:datastoreItem>
</file>

<file path=customXml/itemProps56.xml><?xml version="1.0" encoding="utf-8"?>
<ds:datastoreItem xmlns:ds="http://schemas.openxmlformats.org/officeDocument/2006/customXml" ds:itemID="{D396BAB7-48A7-4CED-829E-646FD93A1538}">
  <ds:schemaRefs/>
</ds:datastoreItem>
</file>

<file path=customXml/itemProps57.xml><?xml version="1.0" encoding="utf-8"?>
<ds:datastoreItem xmlns:ds="http://schemas.openxmlformats.org/officeDocument/2006/customXml" ds:itemID="{637F72C4-2397-42FB-8B2C-43440FA9116C}">
  <ds:schemaRefs/>
</ds:datastoreItem>
</file>

<file path=customXml/itemProps58.xml><?xml version="1.0" encoding="utf-8"?>
<ds:datastoreItem xmlns:ds="http://schemas.openxmlformats.org/officeDocument/2006/customXml" ds:itemID="{0DA3ECD5-DEAC-462E-B934-BE99F79D12A1}">
  <ds:schemaRefs/>
</ds:datastoreItem>
</file>

<file path=customXml/itemProps6.xml><?xml version="1.0" encoding="utf-8"?>
<ds:datastoreItem xmlns:ds="http://schemas.openxmlformats.org/officeDocument/2006/customXml" ds:itemID="{DD39F257-73BE-4B5C-A743-3709614EC361}">
  <ds:schemaRefs/>
</ds:datastoreItem>
</file>

<file path=customXml/itemProps7.xml><?xml version="1.0" encoding="utf-8"?>
<ds:datastoreItem xmlns:ds="http://schemas.openxmlformats.org/officeDocument/2006/customXml" ds:itemID="{CA23FE90-A01A-4731-8F2C-CABA5BC955FB}">
  <ds:schemaRefs/>
</ds:datastoreItem>
</file>

<file path=customXml/itemProps8.xml><?xml version="1.0" encoding="utf-8"?>
<ds:datastoreItem xmlns:ds="http://schemas.openxmlformats.org/officeDocument/2006/customXml" ds:itemID="{2E9BE299-B6B3-498A-AD73-4469F9C92833}">
  <ds:schemaRefs/>
</ds:datastoreItem>
</file>

<file path=customXml/itemProps9.xml><?xml version="1.0" encoding="utf-8"?>
<ds:datastoreItem xmlns:ds="http://schemas.openxmlformats.org/officeDocument/2006/customXml" ds:itemID="{91C8DD9F-5840-4670-926E-3A9E50E14A9E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195</TotalTime>
  <Words>226</Words>
  <Application>Microsoft Office PowerPoint</Application>
  <PresentationFormat>Widescreen</PresentationFormat>
  <Paragraphs>83</Paragraphs>
  <Slides>20</Slides>
  <Notes>0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3</vt:i4>
      </vt:variant>
      <vt:variant>
        <vt:lpstr>Tema</vt:lpstr>
      </vt:variant>
      <vt:variant>
        <vt:i4>2</vt:i4>
      </vt:variant>
      <vt:variant>
        <vt:lpstr>Slidetitler</vt:lpstr>
      </vt:variant>
      <vt:variant>
        <vt:i4>20</vt:i4>
      </vt:variant>
    </vt:vector>
  </HeadingPairs>
  <TitlesOfParts>
    <vt:vector size="25" baseType="lpstr">
      <vt:lpstr>Arial</vt:lpstr>
      <vt:lpstr>Calibri Light</vt:lpstr>
      <vt:lpstr>Djoef Offc</vt:lpstr>
      <vt:lpstr>Djøf PowerPoint skabelon</vt:lpstr>
      <vt:lpstr>1_Djøf PowerPoint skabel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æsentation</dc:title>
  <dc:creator>Anna Christensen</dc:creator>
  <cp:lastModifiedBy>Brian Oreskov</cp:lastModifiedBy>
  <cp:revision>9</cp:revision>
  <dcterms:created xsi:type="dcterms:W3CDTF">2024-06-12T09:14:55Z</dcterms:created>
  <dcterms:modified xsi:type="dcterms:W3CDTF">2025-02-12T15:17:4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omnidocs.com</vt:lpwstr>
  </property>
  <property fmtid="{D5CDD505-2E9C-101B-9397-08002B2CF9AE}" pid="3" name="TemplafyTimeStamp">
    <vt:lpwstr>2023-10-10T07:45:39</vt:lpwstr>
  </property>
  <property fmtid="{D5CDD505-2E9C-101B-9397-08002B2CF9AE}" pid="4" name="TemplafyTenantId">
    <vt:lpwstr>djoef</vt:lpwstr>
  </property>
  <property fmtid="{D5CDD505-2E9C-101B-9397-08002B2CF9AE}" pid="5" name="TemplafyTemplateId">
    <vt:lpwstr>638300292068440878</vt:lpwstr>
  </property>
  <property fmtid="{D5CDD505-2E9C-101B-9397-08002B2CF9AE}" pid="6" name="TemplafyUserProfileId">
    <vt:lpwstr>726239637122580904</vt:lpwstr>
  </property>
  <property fmtid="{D5CDD505-2E9C-101B-9397-08002B2CF9AE}" pid="7" name="TemplafyFromBlank">
    <vt:bool>false</vt:bool>
  </property>
</Properties>
</file>